
<file path=[Content_Types].xml><?xml version="1.0" encoding="utf-8"?>
<Types xmlns="http://schemas.openxmlformats.org/package/2006/content-types">
  <Default Extension="emf" ContentType="image/x-emf"/>
  <Default Extension="gif" ContentType="image/gif"/>
  <Default Extension="jpeg" ContentType="image/jpeg"/>
  <Default Extension="jpg" ContentType="image/jpeg"/>
  <Default Extension="png" ContentType="image/png"/>
  <Default Extension="rels" ContentType="application/vnd.openxmlformats-package.relationships+xml"/>
  <Default Extension="wmf" ContentType="image/x-wmf"/>
  <Default Extension="xml" ContentType="application/xml"/>
  <Override PartName="/ppt/presentation.xml" ContentType="application/vnd.openxmlformats-officedocument.presentationml.presentation.main+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slides/slide24.xml" ContentType="application/vnd.openxmlformats-officedocument.presentationml.slide+xml"/>
  <Override PartName="/ppt/slides/slide25.xml" ContentType="application/vnd.openxmlformats-officedocument.presentationml.slide+xml"/>
  <Override PartName="/ppt/slides/slide26.xml" ContentType="application/vnd.openxmlformats-officedocument.presentationml.slide+xml"/>
  <Override PartName="/ppt/slides/slide27.xml" ContentType="application/vnd.openxmlformats-officedocument.presentationml.slide+xml"/>
  <Override PartName="/ppt/slides/slide28.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slideLayouts/slideLayout24.xml" ContentType="application/vnd.openxmlformats-officedocument.presentationml.slideLayout+xml"/>
  <Override PartName="/ppt/slideLayouts/slideLayout25.xml" ContentType="application/vnd.openxmlformats-officedocument.presentationml.slideLayout+xml"/>
  <Override PartName="/ppt/theme/theme2.xml" ContentType="application/vnd.openxmlformats-officedocument.theme+xml"/>
  <Override PartName="/ppt/theme/theme3.xml" ContentType="application/vnd.openxmlformats-officedocument.theme+xml"/>
  <Override PartName="/ppt/tags/tag1.xml" ContentType="application/vnd.openxmlformats-officedocument.presentationml.tags+xml"/>
  <Override PartName="/ppt/notesSlides/notesSlide1.xml" ContentType="application/vnd.openxmlformats-officedocument.presentationml.notesSlide+xml"/>
  <Override PartName="/ppt/notesSlides/notesSlide2.xml" ContentType="application/vnd.openxmlformats-officedocument.presentationml.notesSlide+xml"/>
  <Override PartName="/ppt/notesSlides/notesSlide3.xml" ContentType="application/vnd.openxmlformats-officedocument.presentationml.notesSlide+xml"/>
  <Override PartName="/ppt/notesSlides/notesSlide4.xml" ContentType="application/vnd.openxmlformats-officedocument.presentationml.notesSlide+xml"/>
  <Override PartName="/ppt/notesSlides/notesSlide5.xml" ContentType="application/vnd.openxmlformats-officedocument.presentationml.notesSlide+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5" Type="http://schemas.openxmlformats.org/officeDocument/2006/relationships/custom-properties" Target="docProps/custom.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howSpecialPlsOnTitleSld="0" saveSubsetFonts="1">
  <p:sldMasterIdLst>
    <p:sldMasterId id="2147483648" r:id="rId1"/>
  </p:sldMasterIdLst>
  <p:notesMasterIdLst>
    <p:notesMasterId r:id="rId30"/>
  </p:notesMasterIdLst>
  <p:handoutMasterIdLst>
    <p:handoutMasterId r:id="rId31"/>
  </p:handoutMasterIdLst>
  <p:sldIdLst>
    <p:sldId id="284" r:id="rId2"/>
    <p:sldId id="285" r:id="rId3"/>
    <p:sldId id="286" r:id="rId4"/>
    <p:sldId id="287" r:id="rId5"/>
    <p:sldId id="289" r:id="rId6"/>
    <p:sldId id="290" r:id="rId7"/>
    <p:sldId id="291" r:id="rId8"/>
    <p:sldId id="259" r:id="rId9"/>
    <p:sldId id="301" r:id="rId10"/>
    <p:sldId id="315" r:id="rId11"/>
    <p:sldId id="293" r:id="rId12"/>
    <p:sldId id="302" r:id="rId13"/>
    <p:sldId id="303" r:id="rId14"/>
    <p:sldId id="304" r:id="rId15"/>
    <p:sldId id="312" r:id="rId16"/>
    <p:sldId id="305" r:id="rId17"/>
    <p:sldId id="309" r:id="rId18"/>
    <p:sldId id="311" r:id="rId19"/>
    <p:sldId id="299" r:id="rId20"/>
    <p:sldId id="308" r:id="rId21"/>
    <p:sldId id="288" r:id="rId22"/>
    <p:sldId id="292" r:id="rId23"/>
    <p:sldId id="296" r:id="rId24"/>
    <p:sldId id="297" r:id="rId25"/>
    <p:sldId id="298" r:id="rId26"/>
    <p:sldId id="294" r:id="rId27"/>
    <p:sldId id="300" r:id="rId28"/>
    <p:sldId id="2146848495" r:id="rId29"/>
  </p:sldIdLst>
  <p:sldSz cx="17068800" cy="9601200"/>
  <p:notesSz cx="6797675" cy="9926638"/>
  <p:defaultTextStyle>
    <a:defPPr>
      <a:defRPr lang="da-DK"/>
    </a:defPPr>
    <a:lvl1pPr marL="0" algn="l" defTabSz="1075334" rtl="0" eaLnBrk="1" latinLnBrk="0" hangingPunct="1">
      <a:defRPr sz="2117" kern="1200">
        <a:solidFill>
          <a:schemeClr val="tx1"/>
        </a:solidFill>
        <a:latin typeface="+mn-lt"/>
        <a:ea typeface="+mn-ea"/>
        <a:cs typeface="+mn-cs"/>
      </a:defRPr>
    </a:lvl1pPr>
    <a:lvl2pPr marL="537667" algn="l" defTabSz="1075334" rtl="0" eaLnBrk="1" latinLnBrk="0" hangingPunct="1">
      <a:defRPr sz="2117" kern="1200">
        <a:solidFill>
          <a:schemeClr val="tx1"/>
        </a:solidFill>
        <a:latin typeface="+mn-lt"/>
        <a:ea typeface="+mn-ea"/>
        <a:cs typeface="+mn-cs"/>
      </a:defRPr>
    </a:lvl2pPr>
    <a:lvl3pPr marL="1075334" algn="l" defTabSz="1075334" rtl="0" eaLnBrk="1" latinLnBrk="0" hangingPunct="1">
      <a:defRPr sz="2117" kern="1200">
        <a:solidFill>
          <a:schemeClr val="tx1"/>
        </a:solidFill>
        <a:latin typeface="+mn-lt"/>
        <a:ea typeface="+mn-ea"/>
        <a:cs typeface="+mn-cs"/>
      </a:defRPr>
    </a:lvl3pPr>
    <a:lvl4pPr marL="1613002" algn="l" defTabSz="1075334" rtl="0" eaLnBrk="1" latinLnBrk="0" hangingPunct="1">
      <a:defRPr sz="2117" kern="1200">
        <a:solidFill>
          <a:schemeClr val="tx1"/>
        </a:solidFill>
        <a:latin typeface="+mn-lt"/>
        <a:ea typeface="+mn-ea"/>
        <a:cs typeface="+mn-cs"/>
      </a:defRPr>
    </a:lvl4pPr>
    <a:lvl5pPr marL="2150669" algn="l" defTabSz="1075334" rtl="0" eaLnBrk="1" latinLnBrk="0" hangingPunct="1">
      <a:defRPr sz="2117" kern="1200">
        <a:solidFill>
          <a:schemeClr val="tx1"/>
        </a:solidFill>
        <a:latin typeface="+mn-lt"/>
        <a:ea typeface="+mn-ea"/>
        <a:cs typeface="+mn-cs"/>
      </a:defRPr>
    </a:lvl5pPr>
    <a:lvl6pPr marL="2688336" algn="l" defTabSz="1075334" rtl="0" eaLnBrk="1" latinLnBrk="0" hangingPunct="1">
      <a:defRPr sz="2117" kern="1200">
        <a:solidFill>
          <a:schemeClr val="tx1"/>
        </a:solidFill>
        <a:latin typeface="+mn-lt"/>
        <a:ea typeface="+mn-ea"/>
        <a:cs typeface="+mn-cs"/>
      </a:defRPr>
    </a:lvl6pPr>
    <a:lvl7pPr marL="3226003" algn="l" defTabSz="1075334" rtl="0" eaLnBrk="1" latinLnBrk="0" hangingPunct="1">
      <a:defRPr sz="2117" kern="1200">
        <a:solidFill>
          <a:schemeClr val="tx1"/>
        </a:solidFill>
        <a:latin typeface="+mn-lt"/>
        <a:ea typeface="+mn-ea"/>
        <a:cs typeface="+mn-cs"/>
      </a:defRPr>
    </a:lvl7pPr>
    <a:lvl8pPr marL="3763670" algn="l" defTabSz="1075334" rtl="0" eaLnBrk="1" latinLnBrk="0" hangingPunct="1">
      <a:defRPr sz="2117" kern="1200">
        <a:solidFill>
          <a:schemeClr val="tx1"/>
        </a:solidFill>
        <a:latin typeface="+mn-lt"/>
        <a:ea typeface="+mn-ea"/>
        <a:cs typeface="+mn-cs"/>
      </a:defRPr>
    </a:lvl8pPr>
    <a:lvl9pPr marL="4301338" algn="l" defTabSz="1075334" rtl="0" eaLnBrk="1" latinLnBrk="0" hangingPunct="1">
      <a:defRPr sz="2117" kern="1200">
        <a:solidFill>
          <a:schemeClr val="tx1"/>
        </a:solidFill>
        <a:latin typeface="+mn-lt"/>
        <a:ea typeface="+mn-ea"/>
        <a:cs typeface="+mn-cs"/>
      </a:defRPr>
    </a:lvl9pPr>
  </p:defaultTextStyle>
  <p:extLst>
    <p:ext uri="{EFAFB233-063F-42B5-8137-9DF3F51BA10A}">
      <p15:sldGuideLst xmlns:p15="http://schemas.microsoft.com/office/powerpoint/2012/main"/>
    </p:ext>
    <p:ext uri="{2D200454-40CA-4A62-9FC3-DE9A4176ACB9}">
      <p15:notesGuideLst xmlns:p15="http://schemas.microsoft.com/office/powerpoint/2012/main"/>
    </p:ext>
  </p:extLst>
</p:presentation>
</file>

<file path=ppt/presProps.xml><?xml version="1.0" encoding="utf-8"?>
<p:presentationPr xmlns:a="http://schemas.openxmlformats.org/drawingml/2006/main" xmlns:r="http://schemas.openxmlformats.org/officeDocument/2006/relationships" xmlns:p="http://schemas.openxmlformats.org/presentationml/2006/main">
  <p:clrMru>
    <a:srgbClr val="00AB86"/>
    <a:srgbClr val="FFFFFF"/>
    <a:srgbClr val="286E3C"/>
    <a:srgbClr val="77C481"/>
    <a:srgbClr val="96D19E"/>
    <a:srgbClr val="B9E0BE"/>
    <a:srgbClr val="3B8645"/>
    <a:srgbClr val="32283C"/>
    <a:srgbClr val="3CAA4B"/>
    <a:srgbClr val="565656"/>
  </p:clrMru>
  <p:extLst>
    <p:ext uri="{E76CE94A-603C-4142-B9EB-6D1370010A27}">
      <p14:discardImageEditData xmlns:p14="http://schemas.microsoft.com/office/powerpoint/2010/main" val="0"/>
    </p:ext>
    <p:ext uri="{D31A062A-798A-4329-ABDD-BBA856620510}">
      <p14:defaultImageDpi xmlns:p14="http://schemas.microsoft.com/office/powerpoint/2010/main" val="32767"/>
    </p:ext>
    <p:ext uri="{FD5EFAAD-0ECE-453E-9831-46B23BE46B34}">
      <p15:chartTrackingRefBased xmlns:p15="http://schemas.microsoft.com/office/powerpoint/2012/main" val="1"/>
    </p:ext>
  </p:extLst>
</p:presentationPr>
</file>

<file path=ppt/tableStyles.xml><?xml version="1.0" encoding="utf-8"?>
<a:tblStyleLst xmlns:a="http://schemas.openxmlformats.org/drawingml/2006/main" def="{5C22544A-7EE6-4342-B048-85BDC9FD1C3A}">
  <a:tblStyle styleId="{5C22544A-7EE6-4342-B048-85BDC9FD1C3A}" styleName="Mellemlayout 2 - Markering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 styleId="{D27102A9-8310-4765-A935-A1911B00CA55}" styleName="Lyst layout 1 - Markering 4">
    <a:wholeTbl>
      <a:tcTxStyle>
        <a:fontRef idx="minor">
          <a:scrgbClr r="0" g="0" b="0"/>
        </a:fontRef>
        <a:schemeClr val="tx1"/>
      </a:tcTxStyle>
      <a:tcStyle>
        <a:tcBdr>
          <a:left>
            <a:ln>
              <a:noFill/>
            </a:ln>
          </a:left>
          <a:right>
            <a:ln>
              <a:noFill/>
            </a:ln>
          </a:right>
          <a:top>
            <a:ln w="12700" cmpd="sng">
              <a:solidFill>
                <a:schemeClr val="accent4"/>
              </a:solidFill>
            </a:ln>
          </a:top>
          <a:bottom>
            <a:ln w="12700" cmpd="sng">
              <a:solidFill>
                <a:schemeClr val="accent4"/>
              </a:solidFill>
            </a:ln>
          </a:bottom>
          <a:insideH>
            <a:ln>
              <a:noFill/>
            </a:ln>
          </a:insideH>
          <a:insideV>
            <a:ln>
              <a:noFill/>
            </a:ln>
          </a:insideV>
        </a:tcBdr>
        <a:fill>
          <a:noFill/>
        </a:fill>
      </a:tcStyle>
    </a:wholeTbl>
    <a:band1H>
      <a:tcStyle>
        <a:tcBdr/>
        <a:fill>
          <a:solidFill>
            <a:schemeClr val="accent4">
              <a:alpha val="20000"/>
            </a:schemeClr>
          </a:solidFill>
        </a:fill>
      </a:tcStyle>
    </a:band1H>
    <a:band2H>
      <a:tcStyle>
        <a:tcBdr/>
      </a:tcStyle>
    </a:band2H>
    <a:band1V>
      <a:tcStyle>
        <a:tcBdr/>
        <a:fill>
          <a:solidFill>
            <a:schemeClr val="accent4">
              <a:alpha val="20000"/>
            </a:schemeClr>
          </a:solidFill>
        </a:fill>
      </a:tcStyle>
    </a:band1V>
    <a:lastCol>
      <a:tcTxStyle b="on"/>
      <a:tcStyle>
        <a:tcBdr/>
      </a:tcStyle>
    </a:lastCol>
    <a:firstCol>
      <a:tcTxStyle b="on"/>
      <a:tcStyle>
        <a:tcBdr/>
      </a:tcStyle>
    </a:firstCol>
    <a:lastRow>
      <a:tcTxStyle b="on"/>
      <a:tcStyle>
        <a:tcBdr>
          <a:top>
            <a:ln w="12700" cmpd="sng">
              <a:solidFill>
                <a:schemeClr val="accent4"/>
              </a:solidFill>
            </a:ln>
          </a:top>
        </a:tcBdr>
        <a:fill>
          <a:noFill/>
        </a:fill>
      </a:tcStyle>
    </a:lastRow>
    <a:firstRow>
      <a:tcTxStyle b="on"/>
      <a:tcStyle>
        <a:tcBdr>
          <a:bottom>
            <a:ln w="12700" cmpd="sng">
              <a:solidFill>
                <a:schemeClr val="accent4"/>
              </a:solidFill>
            </a:ln>
          </a:bottom>
        </a:tcBdr>
        <a:fill>
          <a:noFill/>
        </a:fill>
      </a:tcStyle>
    </a:firstRow>
  </a:tblStyle>
  <a:tblStyle styleId="{7DF18680-E054-41AD-8BC1-D1AEF772440D}" styleName="Mellemlayout 2 - Markering 5">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5">
              <a:tint val="20000"/>
            </a:schemeClr>
          </a:solidFill>
        </a:fill>
      </a:tcStyle>
    </a:wholeTbl>
    <a:band1H>
      <a:tcStyle>
        <a:tcBdr/>
        <a:fill>
          <a:solidFill>
            <a:schemeClr val="accent5">
              <a:tint val="40000"/>
            </a:schemeClr>
          </a:solidFill>
        </a:fill>
      </a:tcStyle>
    </a:band1H>
    <a:band2H>
      <a:tcStyle>
        <a:tcBdr/>
      </a:tcStyle>
    </a:band2H>
    <a:band1V>
      <a:tcStyle>
        <a:tcBdr/>
        <a:fill>
          <a:solidFill>
            <a:schemeClr val="accent5">
              <a:tint val="40000"/>
            </a:schemeClr>
          </a:solidFill>
        </a:fill>
      </a:tcStyle>
    </a:band1V>
    <a:band2V>
      <a:tcStyle>
        <a:tcBdr/>
      </a:tcStyle>
    </a:band2V>
    <a:lastCol>
      <a:tcTxStyle b="on">
        <a:fontRef idx="minor">
          <a:prstClr val="black"/>
        </a:fontRef>
        <a:schemeClr val="lt1"/>
      </a:tcTxStyle>
      <a:tcStyle>
        <a:tcBdr/>
        <a:fill>
          <a:solidFill>
            <a:schemeClr val="accent5"/>
          </a:solidFill>
        </a:fill>
      </a:tcStyle>
    </a:lastCol>
    <a:firstCol>
      <a:tcTxStyle b="on">
        <a:fontRef idx="minor">
          <a:prstClr val="black"/>
        </a:fontRef>
        <a:schemeClr val="lt1"/>
      </a:tcTxStyle>
      <a:tcStyle>
        <a:tcBdr/>
        <a:fill>
          <a:solidFill>
            <a:schemeClr val="accent5"/>
          </a:solidFill>
        </a:fill>
      </a:tcStyle>
    </a:firstCol>
    <a:lastRow>
      <a:tcTxStyle b="on">
        <a:fontRef idx="minor">
          <a:prstClr val="black"/>
        </a:fontRef>
        <a:schemeClr val="lt1"/>
      </a:tcTxStyle>
      <a:tcStyle>
        <a:tcBdr>
          <a:top>
            <a:ln w="38100" cmpd="sng">
              <a:solidFill>
                <a:schemeClr val="lt1"/>
              </a:solidFill>
            </a:ln>
          </a:top>
        </a:tcBdr>
        <a:fill>
          <a:solidFill>
            <a:schemeClr val="accent5"/>
          </a:solidFill>
        </a:fill>
      </a:tcStyle>
    </a:lastRow>
    <a:firstRow>
      <a:tcTxStyle b="on">
        <a:fontRef idx="minor">
          <a:prstClr val="black"/>
        </a:fontRef>
        <a:schemeClr val="lt1"/>
      </a:tcTxStyle>
      <a:tcStyle>
        <a:tcBdr>
          <a:bottom>
            <a:ln w="38100" cmpd="sng">
              <a:solidFill>
                <a:schemeClr val="lt1"/>
              </a:solidFill>
            </a:ln>
          </a:bottom>
        </a:tcBdr>
        <a:fill>
          <a:solidFill>
            <a:schemeClr val="accent5"/>
          </a:solid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lastView="sldThumbnailView">
  <p:normalViewPr>
    <p:restoredLeft sz="19987" autoAdjust="0"/>
    <p:restoredTop sz="95182" autoAdjust="0"/>
  </p:normalViewPr>
  <p:slideViewPr>
    <p:cSldViewPr snapToGrid="0">
      <p:cViewPr varScale="1">
        <p:scale>
          <a:sx n="78" d="100"/>
          <a:sy n="78" d="100"/>
        </p:scale>
        <p:origin x="402" y="102"/>
      </p:cViewPr>
      <p:guideLst/>
    </p:cSldViewPr>
  </p:slideViewPr>
  <p:notesTextViewPr>
    <p:cViewPr>
      <p:scale>
        <a:sx n="1" d="1"/>
        <a:sy n="1" d="1"/>
      </p:scale>
      <p:origin x="0" y="0"/>
    </p:cViewPr>
  </p:notesTextViewPr>
  <p:notesViewPr>
    <p:cSldViewPr snapToGrid="0" showGuides="1">
      <p:cViewPr varScale="1">
        <p:scale>
          <a:sx n="84" d="100"/>
          <a:sy n="84" d="100"/>
        </p:scale>
        <p:origin x="2430" y="84"/>
      </p:cViewPr>
      <p:guideLst/>
    </p:cSldViewPr>
  </p:notesViewPr>
  <p:gridSpacing cx="72008" cy="72008"/>
</p:viewPr>
</file>

<file path=ppt/_rels/presentation.xml.rels><?xml version="1.0" encoding="UTF-8" standalone="yes"?>
<Relationships xmlns="http://schemas.openxmlformats.org/package/2006/relationships"><Relationship Id="rId8" Type="http://schemas.openxmlformats.org/officeDocument/2006/relationships/slide" Target="slides/slide7.xml"/><Relationship Id="rId13" Type="http://schemas.openxmlformats.org/officeDocument/2006/relationships/slide" Target="slides/slide12.xml"/><Relationship Id="rId18" Type="http://schemas.openxmlformats.org/officeDocument/2006/relationships/slide" Target="slides/slide17.xml"/><Relationship Id="rId26" Type="http://schemas.openxmlformats.org/officeDocument/2006/relationships/slide" Target="slides/slide25.xml"/><Relationship Id="rId3" Type="http://schemas.openxmlformats.org/officeDocument/2006/relationships/slide" Target="slides/slide2.xml"/><Relationship Id="rId21" Type="http://schemas.openxmlformats.org/officeDocument/2006/relationships/slide" Target="slides/slide20.xml"/><Relationship Id="rId34" Type="http://schemas.openxmlformats.org/officeDocument/2006/relationships/theme" Target="theme/theme1.xml"/><Relationship Id="rId7" Type="http://schemas.openxmlformats.org/officeDocument/2006/relationships/slide" Target="slides/slide6.xml"/><Relationship Id="rId12" Type="http://schemas.openxmlformats.org/officeDocument/2006/relationships/slide" Target="slides/slide11.xml"/><Relationship Id="rId17" Type="http://schemas.openxmlformats.org/officeDocument/2006/relationships/slide" Target="slides/slide16.xml"/><Relationship Id="rId25" Type="http://schemas.openxmlformats.org/officeDocument/2006/relationships/slide" Target="slides/slide24.xml"/><Relationship Id="rId33" Type="http://schemas.openxmlformats.org/officeDocument/2006/relationships/viewProps" Target="viewProps.xml"/><Relationship Id="rId2" Type="http://schemas.openxmlformats.org/officeDocument/2006/relationships/slide" Target="slides/slide1.xml"/><Relationship Id="rId16" Type="http://schemas.openxmlformats.org/officeDocument/2006/relationships/slide" Target="slides/slide15.xml"/><Relationship Id="rId20" Type="http://schemas.openxmlformats.org/officeDocument/2006/relationships/slide" Target="slides/slide19.xml"/><Relationship Id="rId29" Type="http://schemas.openxmlformats.org/officeDocument/2006/relationships/slide" Target="slides/slide28.xml"/><Relationship Id="rId1" Type="http://schemas.openxmlformats.org/officeDocument/2006/relationships/slideMaster" Target="slideMasters/slideMaster1.xml"/><Relationship Id="rId6" Type="http://schemas.openxmlformats.org/officeDocument/2006/relationships/slide" Target="slides/slide5.xml"/><Relationship Id="rId11" Type="http://schemas.openxmlformats.org/officeDocument/2006/relationships/slide" Target="slides/slide10.xml"/><Relationship Id="rId24" Type="http://schemas.openxmlformats.org/officeDocument/2006/relationships/slide" Target="slides/slide23.xml"/><Relationship Id="rId32" Type="http://schemas.openxmlformats.org/officeDocument/2006/relationships/presProps" Target="presProps.xml"/><Relationship Id="rId5" Type="http://schemas.openxmlformats.org/officeDocument/2006/relationships/slide" Target="slides/slide4.xml"/><Relationship Id="rId15" Type="http://schemas.openxmlformats.org/officeDocument/2006/relationships/slide" Target="slides/slide14.xml"/><Relationship Id="rId23" Type="http://schemas.openxmlformats.org/officeDocument/2006/relationships/slide" Target="slides/slide22.xml"/><Relationship Id="rId28" Type="http://schemas.openxmlformats.org/officeDocument/2006/relationships/slide" Target="slides/slide27.xml"/><Relationship Id="rId10" Type="http://schemas.openxmlformats.org/officeDocument/2006/relationships/slide" Target="slides/slide9.xml"/><Relationship Id="rId19" Type="http://schemas.openxmlformats.org/officeDocument/2006/relationships/slide" Target="slides/slide18.xml"/><Relationship Id="rId31" Type="http://schemas.openxmlformats.org/officeDocument/2006/relationships/handoutMaster" Target="handoutMasters/handoutMaster1.xml"/><Relationship Id="rId4" Type="http://schemas.openxmlformats.org/officeDocument/2006/relationships/slide" Target="slides/slide3.xml"/><Relationship Id="rId9" Type="http://schemas.openxmlformats.org/officeDocument/2006/relationships/slide" Target="slides/slide8.xml"/><Relationship Id="rId14" Type="http://schemas.openxmlformats.org/officeDocument/2006/relationships/slide" Target="slides/slide13.xml"/><Relationship Id="rId22" Type="http://schemas.openxmlformats.org/officeDocument/2006/relationships/slide" Target="slides/slide21.xml"/><Relationship Id="rId27" Type="http://schemas.openxmlformats.org/officeDocument/2006/relationships/slide" Target="slides/slide26.xml"/><Relationship Id="rId30" Type="http://schemas.openxmlformats.org/officeDocument/2006/relationships/notesMaster" Target="notesMasters/notesMaster1.xml"/><Relationship Id="rId35" Type="http://schemas.openxmlformats.org/officeDocument/2006/relationships/tableStyles" Target="tableStyles.xml"/></Relationships>
</file>

<file path=ppt/handoutMasters/_rels/handoutMaster1.xml.rels><?xml version="1.0" encoding="UTF-8" standalone="yes"?>
<Relationships xmlns="http://schemas.openxmlformats.org/package/2006/relationships"><Relationship Id="rId1" Type="http://schemas.openxmlformats.org/officeDocument/2006/relationships/theme" Target="../theme/theme3.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Pladsholder til sidehoved 1">
            <a:extLst>
              <a:ext uri="{FF2B5EF4-FFF2-40B4-BE49-F238E27FC236}">
                <a16:creationId xmlns:a16="http://schemas.microsoft.com/office/drawing/2014/main" id="{F581E6C9-FBA3-4B1D-BF12-AB57E80A02E5}"/>
              </a:ext>
            </a:extLst>
          </p:cNvPr>
          <p:cNvSpPr>
            <a:spLocks noGrp="1"/>
          </p:cNvSpPr>
          <p:nvPr>
            <p:ph type="hdr" sz="quarter"/>
          </p:nvPr>
        </p:nvSpPr>
        <p:spPr>
          <a:xfrm>
            <a:off x="0" y="0"/>
            <a:ext cx="2945659" cy="498056"/>
          </a:xfrm>
          <a:prstGeom prst="rect">
            <a:avLst/>
          </a:prstGeom>
        </p:spPr>
        <p:txBody>
          <a:bodyPr vert="horz" lIns="91440" tIns="45720" rIns="91440" bIns="45720" rtlCol="0"/>
          <a:lstStyle>
            <a:lvl1pPr algn="l">
              <a:defRPr sz="1200"/>
            </a:lvl1pPr>
          </a:lstStyle>
          <a:p>
            <a:endParaRPr lang="da-DK"/>
          </a:p>
        </p:txBody>
      </p:sp>
      <p:sp>
        <p:nvSpPr>
          <p:cNvPr id="3" name="Pladsholder til dato 2">
            <a:extLst>
              <a:ext uri="{FF2B5EF4-FFF2-40B4-BE49-F238E27FC236}">
                <a16:creationId xmlns:a16="http://schemas.microsoft.com/office/drawing/2014/main" id="{EA42906F-5C64-4643-8A55-39030D6CED1B}"/>
              </a:ext>
            </a:extLst>
          </p:cNvPr>
          <p:cNvSpPr>
            <a:spLocks noGrp="1"/>
          </p:cNvSpPr>
          <p:nvPr>
            <p:ph type="dt" sz="quarter" idx="1"/>
          </p:nvPr>
        </p:nvSpPr>
        <p:spPr>
          <a:xfrm>
            <a:off x="3850443" y="0"/>
            <a:ext cx="2945659" cy="498056"/>
          </a:xfrm>
          <a:prstGeom prst="rect">
            <a:avLst/>
          </a:prstGeom>
        </p:spPr>
        <p:txBody>
          <a:bodyPr vert="horz" lIns="91440" tIns="45720" rIns="91440" bIns="45720" rtlCol="0"/>
          <a:lstStyle>
            <a:lvl1pPr algn="r">
              <a:defRPr sz="1200"/>
            </a:lvl1pPr>
          </a:lstStyle>
          <a:p>
            <a:fld id="{C126B128-7FA0-425D-8AEB-4DC493B56E90}" type="datetimeFigureOut">
              <a:rPr lang="da-DK" smtClean="0"/>
              <a:t>02-11-2023</a:t>
            </a:fld>
            <a:endParaRPr lang="da-DK"/>
          </a:p>
        </p:txBody>
      </p:sp>
      <p:sp>
        <p:nvSpPr>
          <p:cNvPr id="4" name="Pladsholder til sidefod 3">
            <a:extLst>
              <a:ext uri="{FF2B5EF4-FFF2-40B4-BE49-F238E27FC236}">
                <a16:creationId xmlns:a16="http://schemas.microsoft.com/office/drawing/2014/main" id="{B0647DE1-F504-4BCA-B8D7-16C25CF7DEEC}"/>
              </a:ext>
            </a:extLst>
          </p:cNvPr>
          <p:cNvSpPr>
            <a:spLocks noGrp="1"/>
          </p:cNvSpPr>
          <p:nvPr>
            <p:ph type="ftr" sz="quarter" idx="2"/>
          </p:nvPr>
        </p:nvSpPr>
        <p:spPr>
          <a:xfrm>
            <a:off x="0" y="9428584"/>
            <a:ext cx="2945659" cy="498055"/>
          </a:xfrm>
          <a:prstGeom prst="rect">
            <a:avLst/>
          </a:prstGeom>
        </p:spPr>
        <p:txBody>
          <a:bodyPr vert="horz" lIns="91440" tIns="45720" rIns="91440" bIns="45720" rtlCol="0" anchor="b"/>
          <a:lstStyle>
            <a:lvl1pPr algn="l">
              <a:defRPr sz="1200"/>
            </a:lvl1pPr>
          </a:lstStyle>
          <a:p>
            <a:endParaRPr lang="da-DK"/>
          </a:p>
        </p:txBody>
      </p:sp>
      <p:sp>
        <p:nvSpPr>
          <p:cNvPr id="5" name="Pladsholder til slidenummer 4">
            <a:extLst>
              <a:ext uri="{FF2B5EF4-FFF2-40B4-BE49-F238E27FC236}">
                <a16:creationId xmlns:a16="http://schemas.microsoft.com/office/drawing/2014/main" id="{E2FA4C5F-967C-45A0-9E36-EA88B00596C1}"/>
              </a:ext>
            </a:extLst>
          </p:cNvPr>
          <p:cNvSpPr>
            <a:spLocks noGrp="1"/>
          </p:cNvSpPr>
          <p:nvPr>
            <p:ph type="sldNum" sz="quarter" idx="3"/>
          </p:nvPr>
        </p:nvSpPr>
        <p:spPr>
          <a:xfrm>
            <a:off x="3850443" y="9428584"/>
            <a:ext cx="2945659" cy="498055"/>
          </a:xfrm>
          <a:prstGeom prst="rect">
            <a:avLst/>
          </a:prstGeom>
        </p:spPr>
        <p:txBody>
          <a:bodyPr vert="horz" lIns="91440" tIns="45720" rIns="91440" bIns="45720" rtlCol="0" anchor="b"/>
          <a:lstStyle>
            <a:lvl1pPr algn="r">
              <a:defRPr sz="1200"/>
            </a:lvl1pPr>
          </a:lstStyle>
          <a:p>
            <a:fld id="{4E862A92-5E49-4624-A9DF-811F19112CC4}" type="slidenum">
              <a:rPr lang="da-DK" smtClean="0"/>
              <a:t>‹nr.›</a:t>
            </a:fld>
            <a:endParaRPr lang="da-DK"/>
          </a:p>
        </p:txBody>
      </p:sp>
    </p:spTree>
    <p:extLst>
      <p:ext uri="{BB962C8B-B14F-4D97-AF65-F5344CB8AC3E}">
        <p14:creationId xmlns:p14="http://schemas.microsoft.com/office/powerpoint/2010/main" val="650002994"/>
      </p:ext>
    </p:extLst>
  </p:cSld>
  <p:clrMap bg1="lt1" tx1="dk1" bg2="lt2" tx2="dk2" accent1="accent1" accent2="accent2" accent3="accent3" accent4="accent4" accent5="accent5" accent6="accent6" hlink="hlink" folHlink="folHlink"/>
  <p:hf sldNum="0" hdr="0" ftr="0" dt="0"/>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Pladsholder til sidehoved 1"/>
          <p:cNvSpPr>
            <a:spLocks noGrp="1"/>
          </p:cNvSpPr>
          <p:nvPr>
            <p:ph type="hdr" sz="quarter"/>
          </p:nvPr>
        </p:nvSpPr>
        <p:spPr>
          <a:xfrm>
            <a:off x="0" y="0"/>
            <a:ext cx="2945659" cy="498056"/>
          </a:xfrm>
          <a:prstGeom prst="rect">
            <a:avLst/>
          </a:prstGeom>
        </p:spPr>
        <p:txBody>
          <a:bodyPr vert="horz" lIns="91440" tIns="45720" rIns="91440" bIns="45720" rtlCol="0"/>
          <a:lstStyle>
            <a:lvl1pPr algn="l">
              <a:defRPr sz="1200"/>
            </a:lvl1pPr>
          </a:lstStyle>
          <a:p>
            <a:endParaRPr lang="da-DK"/>
          </a:p>
        </p:txBody>
      </p:sp>
      <p:sp>
        <p:nvSpPr>
          <p:cNvPr id="3" name="Pladsholder til dato 2"/>
          <p:cNvSpPr>
            <a:spLocks noGrp="1"/>
          </p:cNvSpPr>
          <p:nvPr>
            <p:ph type="dt" idx="1"/>
          </p:nvPr>
        </p:nvSpPr>
        <p:spPr>
          <a:xfrm>
            <a:off x="3850443" y="0"/>
            <a:ext cx="2945659" cy="498056"/>
          </a:xfrm>
          <a:prstGeom prst="rect">
            <a:avLst/>
          </a:prstGeom>
        </p:spPr>
        <p:txBody>
          <a:bodyPr vert="horz" lIns="91440" tIns="45720" rIns="91440" bIns="45720" rtlCol="0"/>
          <a:lstStyle>
            <a:lvl1pPr algn="r">
              <a:defRPr sz="1200"/>
            </a:lvl1pPr>
          </a:lstStyle>
          <a:p>
            <a:fld id="{54767D86-0AC2-4CB1-9D77-5EBC7A278D01}" type="datetimeFigureOut">
              <a:rPr lang="da-DK" smtClean="0"/>
              <a:t>02-11-2023</a:t>
            </a:fld>
            <a:endParaRPr lang="da-DK"/>
          </a:p>
        </p:txBody>
      </p:sp>
      <p:sp>
        <p:nvSpPr>
          <p:cNvPr id="4" name="Pladsholder til slidebillede 3"/>
          <p:cNvSpPr>
            <a:spLocks noGrp="1" noRot="1" noChangeAspect="1"/>
          </p:cNvSpPr>
          <p:nvPr>
            <p:ph type="sldImg" idx="2"/>
          </p:nvPr>
        </p:nvSpPr>
        <p:spPr>
          <a:xfrm>
            <a:off x="422275" y="1241425"/>
            <a:ext cx="5953125" cy="3349625"/>
          </a:xfrm>
          <a:prstGeom prst="rect">
            <a:avLst/>
          </a:prstGeom>
          <a:noFill/>
          <a:ln w="12700">
            <a:solidFill>
              <a:prstClr val="black"/>
            </a:solidFill>
          </a:ln>
        </p:spPr>
        <p:txBody>
          <a:bodyPr vert="horz" lIns="91440" tIns="45720" rIns="91440" bIns="45720" rtlCol="0" anchor="ctr"/>
          <a:lstStyle/>
          <a:p>
            <a:endParaRPr lang="da-DK"/>
          </a:p>
        </p:txBody>
      </p:sp>
      <p:sp>
        <p:nvSpPr>
          <p:cNvPr id="5" name="Pladsholder til noter 4"/>
          <p:cNvSpPr>
            <a:spLocks noGrp="1"/>
          </p:cNvSpPr>
          <p:nvPr>
            <p:ph type="body" sz="quarter" idx="3"/>
          </p:nvPr>
        </p:nvSpPr>
        <p:spPr>
          <a:xfrm>
            <a:off x="679768" y="4777194"/>
            <a:ext cx="5438140" cy="3908614"/>
          </a:xfrm>
          <a:prstGeom prst="rect">
            <a:avLst/>
          </a:prstGeom>
        </p:spPr>
        <p:txBody>
          <a:bodyPr vert="horz" lIns="91440" tIns="45720" rIns="91440" bIns="45720" rtlCol="0"/>
          <a:lstStyle/>
          <a:p>
            <a:pPr lvl="0"/>
            <a:r>
              <a:rPr lang="da-DK"/>
              <a:t>Klik for at redigere teksttypografierne i masteren</a:t>
            </a:r>
          </a:p>
          <a:p>
            <a:pPr lvl="1"/>
            <a:r>
              <a:rPr lang="da-DK"/>
              <a:t>Andet niveau</a:t>
            </a:r>
          </a:p>
          <a:p>
            <a:pPr lvl="2"/>
            <a:r>
              <a:rPr lang="da-DK"/>
              <a:t>Tredje niveau</a:t>
            </a:r>
          </a:p>
          <a:p>
            <a:pPr lvl="3"/>
            <a:r>
              <a:rPr lang="da-DK"/>
              <a:t>Fjerde niveau</a:t>
            </a:r>
          </a:p>
          <a:p>
            <a:pPr lvl="4"/>
            <a:r>
              <a:rPr lang="da-DK"/>
              <a:t>Femte niveau</a:t>
            </a:r>
          </a:p>
        </p:txBody>
      </p:sp>
      <p:sp>
        <p:nvSpPr>
          <p:cNvPr id="6" name="Pladsholder til sidefod 5"/>
          <p:cNvSpPr>
            <a:spLocks noGrp="1"/>
          </p:cNvSpPr>
          <p:nvPr>
            <p:ph type="ftr" sz="quarter" idx="4"/>
          </p:nvPr>
        </p:nvSpPr>
        <p:spPr>
          <a:xfrm>
            <a:off x="0" y="9428584"/>
            <a:ext cx="2945659" cy="498055"/>
          </a:xfrm>
          <a:prstGeom prst="rect">
            <a:avLst/>
          </a:prstGeom>
        </p:spPr>
        <p:txBody>
          <a:bodyPr vert="horz" lIns="91440" tIns="45720" rIns="91440" bIns="45720" rtlCol="0" anchor="b"/>
          <a:lstStyle>
            <a:lvl1pPr algn="l">
              <a:defRPr sz="1200"/>
            </a:lvl1pPr>
          </a:lstStyle>
          <a:p>
            <a:endParaRPr lang="da-DK"/>
          </a:p>
        </p:txBody>
      </p:sp>
      <p:sp>
        <p:nvSpPr>
          <p:cNvPr id="7" name="Pladsholder til slidenummer 6"/>
          <p:cNvSpPr>
            <a:spLocks noGrp="1"/>
          </p:cNvSpPr>
          <p:nvPr>
            <p:ph type="sldNum" sz="quarter" idx="5"/>
          </p:nvPr>
        </p:nvSpPr>
        <p:spPr>
          <a:xfrm>
            <a:off x="3850443" y="9428584"/>
            <a:ext cx="2945659" cy="498055"/>
          </a:xfrm>
          <a:prstGeom prst="rect">
            <a:avLst/>
          </a:prstGeom>
        </p:spPr>
        <p:txBody>
          <a:bodyPr vert="horz" lIns="91440" tIns="45720" rIns="91440" bIns="45720" rtlCol="0" anchor="b"/>
          <a:lstStyle>
            <a:lvl1pPr algn="r">
              <a:defRPr sz="1200"/>
            </a:lvl1pPr>
          </a:lstStyle>
          <a:p>
            <a:fld id="{8BD78442-9876-4E9C-BA3C-B395F5E4A389}" type="slidenum">
              <a:rPr lang="da-DK" smtClean="0"/>
              <a:t>‹nr.›</a:t>
            </a:fld>
            <a:endParaRPr lang="da-DK"/>
          </a:p>
        </p:txBody>
      </p:sp>
    </p:spTree>
    <p:extLst>
      <p:ext uri="{BB962C8B-B14F-4D97-AF65-F5344CB8AC3E}">
        <p14:creationId xmlns:p14="http://schemas.microsoft.com/office/powerpoint/2010/main" val="3994663437"/>
      </p:ext>
    </p:extLst>
  </p:cSld>
  <p:clrMap bg1="lt1" tx1="dk1" bg2="lt2" tx2="dk2" accent1="accent1" accent2="accent2" accent3="accent3" accent4="accent4" accent5="accent5" accent6="accent6" hlink="hlink" folHlink="folHlink"/>
  <p:hf sldNum="0" hdr="0" ftr="0" dt="0"/>
  <p:notesStyle>
    <a:lvl1pPr marL="0" algn="l" defTabSz="1075334" rtl="0" eaLnBrk="1" latinLnBrk="0" hangingPunct="1">
      <a:defRPr sz="1411" kern="1200">
        <a:solidFill>
          <a:schemeClr val="tx1"/>
        </a:solidFill>
        <a:latin typeface="+mn-lt"/>
        <a:ea typeface="+mn-ea"/>
        <a:cs typeface="+mn-cs"/>
      </a:defRPr>
    </a:lvl1pPr>
    <a:lvl2pPr marL="537667" algn="l" defTabSz="1075334" rtl="0" eaLnBrk="1" latinLnBrk="0" hangingPunct="1">
      <a:defRPr sz="1411" kern="1200">
        <a:solidFill>
          <a:schemeClr val="tx1"/>
        </a:solidFill>
        <a:latin typeface="+mn-lt"/>
        <a:ea typeface="+mn-ea"/>
        <a:cs typeface="+mn-cs"/>
      </a:defRPr>
    </a:lvl2pPr>
    <a:lvl3pPr marL="1075334" algn="l" defTabSz="1075334" rtl="0" eaLnBrk="1" latinLnBrk="0" hangingPunct="1">
      <a:defRPr sz="1411" kern="1200">
        <a:solidFill>
          <a:schemeClr val="tx1"/>
        </a:solidFill>
        <a:latin typeface="+mn-lt"/>
        <a:ea typeface="+mn-ea"/>
        <a:cs typeface="+mn-cs"/>
      </a:defRPr>
    </a:lvl3pPr>
    <a:lvl4pPr marL="1613002" algn="l" defTabSz="1075334" rtl="0" eaLnBrk="1" latinLnBrk="0" hangingPunct="1">
      <a:defRPr sz="1411" kern="1200">
        <a:solidFill>
          <a:schemeClr val="tx1"/>
        </a:solidFill>
        <a:latin typeface="+mn-lt"/>
        <a:ea typeface="+mn-ea"/>
        <a:cs typeface="+mn-cs"/>
      </a:defRPr>
    </a:lvl4pPr>
    <a:lvl5pPr marL="2150669" algn="l" defTabSz="1075334" rtl="0" eaLnBrk="1" latinLnBrk="0" hangingPunct="1">
      <a:defRPr sz="1411" kern="1200">
        <a:solidFill>
          <a:schemeClr val="tx1"/>
        </a:solidFill>
        <a:latin typeface="+mn-lt"/>
        <a:ea typeface="+mn-ea"/>
        <a:cs typeface="+mn-cs"/>
      </a:defRPr>
    </a:lvl5pPr>
    <a:lvl6pPr marL="2688336" algn="l" defTabSz="1075334" rtl="0" eaLnBrk="1" latinLnBrk="0" hangingPunct="1">
      <a:defRPr sz="1411" kern="1200">
        <a:solidFill>
          <a:schemeClr val="tx1"/>
        </a:solidFill>
        <a:latin typeface="+mn-lt"/>
        <a:ea typeface="+mn-ea"/>
        <a:cs typeface="+mn-cs"/>
      </a:defRPr>
    </a:lvl6pPr>
    <a:lvl7pPr marL="3226003" algn="l" defTabSz="1075334" rtl="0" eaLnBrk="1" latinLnBrk="0" hangingPunct="1">
      <a:defRPr sz="1411" kern="1200">
        <a:solidFill>
          <a:schemeClr val="tx1"/>
        </a:solidFill>
        <a:latin typeface="+mn-lt"/>
        <a:ea typeface="+mn-ea"/>
        <a:cs typeface="+mn-cs"/>
      </a:defRPr>
    </a:lvl7pPr>
    <a:lvl8pPr marL="3763670" algn="l" defTabSz="1075334" rtl="0" eaLnBrk="1" latinLnBrk="0" hangingPunct="1">
      <a:defRPr sz="1411" kern="1200">
        <a:solidFill>
          <a:schemeClr val="tx1"/>
        </a:solidFill>
        <a:latin typeface="+mn-lt"/>
        <a:ea typeface="+mn-ea"/>
        <a:cs typeface="+mn-cs"/>
      </a:defRPr>
    </a:lvl8pPr>
    <a:lvl9pPr marL="4301338" algn="l" defTabSz="1075334" rtl="0" eaLnBrk="1" latinLnBrk="0" hangingPunct="1">
      <a:defRPr sz="1411"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9.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12.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24.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25.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a:xfrm>
            <a:off x="422275" y="1241425"/>
            <a:ext cx="5953125" cy="3349625"/>
          </a:xfrm>
        </p:spPr>
      </p:sp>
      <p:sp>
        <p:nvSpPr>
          <p:cNvPr id="3" name="Pladsholder til noter 2"/>
          <p:cNvSpPr>
            <a:spLocks noGrp="1"/>
          </p:cNvSpPr>
          <p:nvPr>
            <p:ph type="body" idx="1"/>
          </p:nvPr>
        </p:nvSpPr>
        <p:spPr/>
        <p:txBody>
          <a:bodyPr/>
          <a:lstStyle/>
          <a:p>
            <a:r>
              <a:rPr lang="da-DK" dirty="0"/>
              <a:t>1. Helende arkitektur - Det handler om at tænke patientrum fra møbler til rumdesigns akustik, til lysdesign til tilgængelighed. I Region Hovedstaden er alle patientstuer indrettet som enkeltværelser.</a:t>
            </a:r>
          </a:p>
          <a:p>
            <a:r>
              <a:rPr lang="da-DK" dirty="0"/>
              <a:t>2. Evidensbaseret design - Processen med at inkorporere evidens som grundlag for designtrin:</a:t>
            </a:r>
          </a:p>
          <a:p>
            <a:r>
              <a:rPr lang="da-DK" dirty="0"/>
              <a:t>	Definer vores mål og vision.</a:t>
            </a:r>
          </a:p>
          <a:p>
            <a:r>
              <a:rPr lang="da-DK" dirty="0"/>
              <a:t>	Se efter relevant forskning og erfaring</a:t>
            </a:r>
          </a:p>
          <a:p>
            <a:r>
              <a:rPr lang="da-DK" dirty="0"/>
              <a:t>	Bestem, om der findes troværdige beviser for at informere design.</a:t>
            </a:r>
          </a:p>
          <a:p>
            <a:r>
              <a:rPr lang="da-DK" dirty="0"/>
              <a:t>	Lav en hypotese om det forudsagte resultat baseret på variabler.</a:t>
            </a:r>
          </a:p>
          <a:p>
            <a:r>
              <a:rPr lang="da-DK" dirty="0"/>
              <a:t>	Overvåg implementeringen af designstrategier.</a:t>
            </a:r>
          </a:p>
          <a:p>
            <a:r>
              <a:rPr lang="da-DK" dirty="0"/>
              <a:t>	Mål resultater baseret på præstationsresultater og evalueringer efter besættelse.</a:t>
            </a:r>
          </a:p>
        </p:txBody>
      </p:sp>
    </p:spTree>
    <p:extLst>
      <p:ext uri="{BB962C8B-B14F-4D97-AF65-F5344CB8AC3E}">
        <p14:creationId xmlns:p14="http://schemas.microsoft.com/office/powerpoint/2010/main" val="1962529281"/>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a:xfrm>
            <a:off x="422275" y="1241425"/>
            <a:ext cx="5953125" cy="3349625"/>
          </a:xfrm>
        </p:spPr>
      </p:sp>
      <p:sp>
        <p:nvSpPr>
          <p:cNvPr id="3" name="Pladsholder til noter 2"/>
          <p:cNvSpPr>
            <a:spLocks noGrp="1"/>
          </p:cNvSpPr>
          <p:nvPr>
            <p:ph type="body" idx="1"/>
          </p:nvPr>
        </p:nvSpPr>
        <p:spPr/>
        <p:txBody>
          <a:bodyPr/>
          <a:lstStyle/>
          <a:p>
            <a:r>
              <a:rPr lang="da-DK" dirty="0"/>
              <a:t>Det var den første gang vi har prøvet selektiv nedrivning og alle vores projekter hvor vi nedriver er selektive nu.</a:t>
            </a:r>
            <a:endParaRPr lang="da-DK" dirty="0">
              <a:cs typeface="Arial" panose="020B0604020202020204"/>
            </a:endParaRPr>
          </a:p>
          <a:p>
            <a:endParaRPr lang="da-DK" dirty="0"/>
          </a:p>
        </p:txBody>
      </p:sp>
    </p:spTree>
    <p:extLst>
      <p:ext uri="{BB962C8B-B14F-4D97-AF65-F5344CB8AC3E}">
        <p14:creationId xmlns:p14="http://schemas.microsoft.com/office/powerpoint/2010/main" val="2902984934"/>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a:xfrm>
            <a:off x="422275" y="1241425"/>
            <a:ext cx="5953125" cy="3349625"/>
          </a:xfrm>
        </p:spPr>
      </p:sp>
      <p:sp>
        <p:nvSpPr>
          <p:cNvPr id="3" name="Pladsholder til noter 2"/>
          <p:cNvSpPr>
            <a:spLocks noGrp="1"/>
          </p:cNvSpPr>
          <p:nvPr>
            <p:ph type="body" idx="1"/>
          </p:nvPr>
        </p:nvSpPr>
        <p:spPr/>
        <p:txBody>
          <a:bodyPr/>
          <a:lstStyle/>
          <a:p>
            <a:r>
              <a:rPr lang="da-DK" b="0" i="0" dirty="0">
                <a:solidFill>
                  <a:srgbClr val="3C4043"/>
                </a:solidFill>
                <a:effectLst/>
                <a:latin typeface="Roboto" panose="02000000000000000000" pitchFamily="2" charset="0"/>
              </a:rPr>
              <a:t>Den er formet som to hænder, der spiller med hinanden. Der er solceller på taget samt grønne tage og vinduer, der kan åbnes helt og give en følelse af at være udendørs dvs. natur, der bevæger sig indendørs. Sted for leg og sted for læring.</a:t>
            </a:r>
            <a:endParaRPr lang="da-DK" dirty="0"/>
          </a:p>
        </p:txBody>
      </p:sp>
    </p:spTree>
    <p:extLst>
      <p:ext uri="{BB962C8B-B14F-4D97-AF65-F5344CB8AC3E}">
        <p14:creationId xmlns:p14="http://schemas.microsoft.com/office/powerpoint/2010/main" val="1451350431"/>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a:xfrm>
            <a:off x="422275" y="1241425"/>
            <a:ext cx="5953125" cy="3349625"/>
          </a:xfrm>
        </p:spPr>
      </p:sp>
      <p:sp>
        <p:nvSpPr>
          <p:cNvPr id="3" name="Pladsholder til noter 2"/>
          <p:cNvSpPr>
            <a:spLocks noGrp="1"/>
          </p:cNvSpPr>
          <p:nvPr>
            <p:ph type="body" idx="1"/>
          </p:nvPr>
        </p:nvSpPr>
        <p:spPr/>
        <p:txBody>
          <a:bodyPr/>
          <a:lstStyle/>
          <a:p>
            <a:r>
              <a:rPr lang="da-DK" dirty="0"/>
              <a:t>https://www.linkedin.com/company/center-for-ejendomme/posts/?feedView=all</a:t>
            </a:r>
            <a:endParaRPr lang="da-DK" b="0" i="0" dirty="0">
              <a:effectLst/>
              <a:latin typeface="-apple-system"/>
            </a:endParaRPr>
          </a:p>
        </p:txBody>
      </p:sp>
    </p:spTree>
    <p:extLst>
      <p:ext uri="{BB962C8B-B14F-4D97-AF65-F5344CB8AC3E}">
        <p14:creationId xmlns:p14="http://schemas.microsoft.com/office/powerpoint/2010/main" val="825442266"/>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a:xfrm>
            <a:off x="422275" y="1241425"/>
            <a:ext cx="5953125" cy="3349625"/>
          </a:xfrm>
        </p:spPr>
      </p:sp>
      <p:sp>
        <p:nvSpPr>
          <p:cNvPr id="3" name="Pladsholder til noter 2"/>
          <p:cNvSpPr>
            <a:spLocks noGrp="1"/>
          </p:cNvSpPr>
          <p:nvPr>
            <p:ph type="body" idx="1"/>
          </p:nvPr>
        </p:nvSpPr>
        <p:spPr/>
        <p:txBody>
          <a:bodyPr/>
          <a:lstStyle/>
          <a:p>
            <a:r>
              <a:rPr lang="da-DK" b="0" i="0" dirty="0">
                <a:solidFill>
                  <a:srgbClr val="3C4043"/>
                </a:solidFill>
                <a:effectLst/>
                <a:latin typeface="Roboto" panose="02000000000000000000" pitchFamily="2" charset="0"/>
              </a:rPr>
              <a:t>Testhuset er en 1:1-model af et afsnit af hospitalet. Den er i to etager og rummer soveværelse, ambulatorium og personalekontor samt udestue til ophold og aktiviteter.</a:t>
            </a:r>
            <a:endParaRPr lang="da-DK" dirty="0"/>
          </a:p>
        </p:txBody>
      </p:sp>
    </p:spTree>
    <p:extLst>
      <p:ext uri="{BB962C8B-B14F-4D97-AF65-F5344CB8AC3E}">
        <p14:creationId xmlns:p14="http://schemas.microsoft.com/office/powerpoint/2010/main" val="2120968761"/>
      </p:ext>
    </p:extLst>
  </p:cSld>
  <p:clrMapOvr>
    <a:masterClrMapping/>
  </p:clrMapOvr>
</p:notes>
</file>

<file path=ppt/slideLayouts/_rels/slideLayout1.xml.rels><?xml version="1.0" encoding="UTF-8" standalone="yes"?>
<Relationships xmlns="http://schemas.openxmlformats.org/package/2006/relationships"><Relationship Id="rId3" Type="http://schemas.openxmlformats.org/officeDocument/2006/relationships/image" Target="../media/image3.png"/><Relationship Id="rId2" Type="http://schemas.openxmlformats.org/officeDocument/2006/relationships/image" Target="../media/image2.png"/><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3" Type="http://schemas.openxmlformats.org/officeDocument/2006/relationships/image" Target="../media/image1.png"/><Relationship Id="rId2" Type="http://schemas.openxmlformats.org/officeDocument/2006/relationships/image" Target="../media/image11.png"/><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3" Type="http://schemas.openxmlformats.org/officeDocument/2006/relationships/image" Target="../media/image1.png"/><Relationship Id="rId2" Type="http://schemas.openxmlformats.org/officeDocument/2006/relationships/image" Target="../media/image10.png"/><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3" Type="http://schemas.openxmlformats.org/officeDocument/2006/relationships/image" Target="../media/image1.png"/><Relationship Id="rId2" Type="http://schemas.openxmlformats.org/officeDocument/2006/relationships/image" Target="../media/image9.png"/><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3" Type="http://schemas.openxmlformats.org/officeDocument/2006/relationships/image" Target="../media/image1.png"/><Relationship Id="rId2" Type="http://schemas.openxmlformats.org/officeDocument/2006/relationships/image" Target="../media/image12.png"/><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3" Type="http://schemas.openxmlformats.org/officeDocument/2006/relationships/image" Target="../media/image1.png"/><Relationship Id="rId2" Type="http://schemas.openxmlformats.org/officeDocument/2006/relationships/image" Target="../media/image13.png"/><Relationship Id="rId1" Type="http://schemas.openxmlformats.org/officeDocument/2006/relationships/slideMaster" Target="../slideMasters/slideMaster1.xml"/></Relationships>
</file>

<file path=ppt/slideLayouts/_rels/slideLayout15.xml.rels><?xml version="1.0" encoding="UTF-8" standalone="yes"?>
<Relationships xmlns="http://schemas.openxmlformats.org/package/2006/relationships"><Relationship Id="rId2" Type="http://schemas.openxmlformats.org/officeDocument/2006/relationships/image" Target="../media/image8.PNG"/><Relationship Id="rId1" Type="http://schemas.openxmlformats.org/officeDocument/2006/relationships/slideMaster" Target="../slideMasters/slideMaster1.xml"/></Relationships>
</file>

<file path=ppt/slideLayouts/_rels/slideLayout16.xml.rels><?xml version="1.0" encoding="UTF-8" standalone="yes"?>
<Relationships xmlns="http://schemas.openxmlformats.org/package/2006/relationships"><Relationship Id="rId2" Type="http://schemas.openxmlformats.org/officeDocument/2006/relationships/image" Target="../media/image14.jpeg"/><Relationship Id="rId1" Type="http://schemas.openxmlformats.org/officeDocument/2006/relationships/slideMaster" Target="../slideMasters/slideMaster1.xml"/></Relationships>
</file>

<file path=ppt/slideLayouts/_rels/slideLayout17.xml.rels><?xml version="1.0" encoding="UTF-8" standalone="yes"?>
<Relationships xmlns="http://schemas.openxmlformats.org/package/2006/relationships"><Relationship Id="rId3" Type="http://schemas.openxmlformats.org/officeDocument/2006/relationships/image" Target="../media/image15.jpg"/><Relationship Id="rId2" Type="http://schemas.openxmlformats.org/officeDocument/2006/relationships/image" Target="../media/image14.jpeg"/><Relationship Id="rId1" Type="http://schemas.openxmlformats.org/officeDocument/2006/relationships/slideMaster" Target="../slideMasters/slideMaster1.xml"/></Relationships>
</file>

<file path=ppt/slideLayouts/_rels/slideLayout18.xml.rels><?xml version="1.0" encoding="UTF-8" standalone="yes"?>
<Relationships xmlns="http://schemas.openxmlformats.org/package/2006/relationships"><Relationship Id="rId3" Type="http://schemas.openxmlformats.org/officeDocument/2006/relationships/image" Target="../media/image16.jpeg"/><Relationship Id="rId2" Type="http://schemas.openxmlformats.org/officeDocument/2006/relationships/image" Target="../media/image8.PNG"/><Relationship Id="rId1" Type="http://schemas.openxmlformats.org/officeDocument/2006/relationships/slideMaster" Target="../slideMasters/slideMaster1.xml"/><Relationship Id="rId5" Type="http://schemas.openxmlformats.org/officeDocument/2006/relationships/image" Target="../media/image4.jpg"/><Relationship Id="rId4" Type="http://schemas.openxmlformats.org/officeDocument/2006/relationships/image" Target="../media/image15.jpg"/></Relationships>
</file>

<file path=ppt/slideLayouts/_rels/slideLayout19.xml.rels><?xml version="1.0" encoding="UTF-8" standalone="yes"?>
<Relationships xmlns="http://schemas.openxmlformats.org/package/2006/relationships"><Relationship Id="rId2" Type="http://schemas.openxmlformats.org/officeDocument/2006/relationships/image" Target="../media/image17.png"/><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3" Type="http://schemas.openxmlformats.org/officeDocument/2006/relationships/image" Target="../media/image3.png"/><Relationship Id="rId2" Type="http://schemas.openxmlformats.org/officeDocument/2006/relationships/image" Target="../media/image4.jpg"/><Relationship Id="rId1"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8" Type="http://schemas.openxmlformats.org/officeDocument/2006/relationships/image" Target="../media/image24.png"/><Relationship Id="rId3" Type="http://schemas.openxmlformats.org/officeDocument/2006/relationships/image" Target="../media/image19.png"/><Relationship Id="rId7" Type="http://schemas.openxmlformats.org/officeDocument/2006/relationships/image" Target="../media/image23.png"/><Relationship Id="rId2" Type="http://schemas.openxmlformats.org/officeDocument/2006/relationships/image" Target="../media/image18.png"/><Relationship Id="rId1" Type="http://schemas.openxmlformats.org/officeDocument/2006/relationships/slideMaster" Target="../slideMasters/slideMaster1.xml"/><Relationship Id="rId6" Type="http://schemas.openxmlformats.org/officeDocument/2006/relationships/image" Target="../media/image22.png"/><Relationship Id="rId5" Type="http://schemas.openxmlformats.org/officeDocument/2006/relationships/image" Target="../media/image21.png"/><Relationship Id="rId10" Type="http://schemas.openxmlformats.org/officeDocument/2006/relationships/image" Target="../media/image26.png"/><Relationship Id="rId4" Type="http://schemas.openxmlformats.org/officeDocument/2006/relationships/image" Target="../media/image20.png"/><Relationship Id="rId9" Type="http://schemas.openxmlformats.org/officeDocument/2006/relationships/image" Target="../media/image25.png"/></Relationships>
</file>

<file path=ppt/slideLayouts/_rels/slideLayout2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5.xml.rels><?xml version="1.0" encoding="UTF-8" standalone="yes"?>
<Relationships xmlns="http://schemas.openxmlformats.org/package/2006/relationships"><Relationship Id="rId3" Type="http://schemas.openxmlformats.org/officeDocument/2006/relationships/image" Target="../media/image28.png"/><Relationship Id="rId2" Type="http://schemas.openxmlformats.org/officeDocument/2006/relationships/image" Target="../media/image27.png"/><Relationship Id="rId1" Type="http://schemas.openxmlformats.org/officeDocument/2006/relationships/slideMaster" Target="../slideMasters/slideMaster1.xml"/><Relationship Id="rId5" Type="http://schemas.openxmlformats.org/officeDocument/2006/relationships/image" Target="../media/image30.emf"/><Relationship Id="rId4" Type="http://schemas.openxmlformats.org/officeDocument/2006/relationships/image" Target="../media/image29.wmf"/></Relationships>
</file>

<file path=ppt/slideLayouts/_rels/slideLayout3.xml.rels><?xml version="1.0" encoding="UTF-8" standalone="yes"?>
<Relationships xmlns="http://schemas.openxmlformats.org/package/2006/relationships"><Relationship Id="rId3" Type="http://schemas.openxmlformats.org/officeDocument/2006/relationships/image" Target="../media/image1.png"/><Relationship Id="rId2" Type="http://schemas.openxmlformats.org/officeDocument/2006/relationships/image" Target="../media/image5.png"/><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2" Type="http://schemas.openxmlformats.org/officeDocument/2006/relationships/image" Target="../media/image6.jpg"/><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2" Type="http://schemas.openxmlformats.org/officeDocument/2006/relationships/image" Target="../media/image6.jpg"/><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3" Type="http://schemas.openxmlformats.org/officeDocument/2006/relationships/image" Target="../media/image8.PNG"/><Relationship Id="rId2" Type="http://schemas.openxmlformats.org/officeDocument/2006/relationships/image" Target="../media/image7.jpg"/><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3" Type="http://schemas.openxmlformats.org/officeDocument/2006/relationships/image" Target="../media/image1.png"/><Relationship Id="rId2" Type="http://schemas.openxmlformats.org/officeDocument/2006/relationships/image" Target="../media/image9.png"/><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3" Type="http://schemas.openxmlformats.org/officeDocument/2006/relationships/image" Target="../media/image1.png"/><Relationship Id="rId2" Type="http://schemas.openxmlformats.org/officeDocument/2006/relationships/image" Target="../media/image4.jpg"/><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3" Type="http://schemas.openxmlformats.org/officeDocument/2006/relationships/image" Target="../media/image8.PNG"/><Relationship Id="rId2" Type="http://schemas.openxmlformats.org/officeDocument/2006/relationships/image" Target="../media/image10.png"/><Relationship Id="rId1" Type="http://schemas.openxmlformats.org/officeDocument/2006/relationships/slideMaster" Target="../slideMasters/slideMaster1.xml"/><Relationship Id="rId4" Type="http://schemas.openxmlformats.org/officeDocument/2006/relationships/image" Target="../media/image1.png"/></Relationships>
</file>

<file path=ppt/slideLayouts/slideLayout1.xml><?xml version="1.0" encoding="utf-8"?>
<p:sldLayout xmlns:a="http://schemas.openxmlformats.org/drawingml/2006/main" xmlns:r="http://schemas.openxmlformats.org/officeDocument/2006/relationships" xmlns:p="http://schemas.openxmlformats.org/presentationml/2006/main" preserve="1" userDrawn="1">
  <p:cSld name="Forside">
    <p:bg>
      <p:bgPr>
        <a:blipFill dpi="0" rotWithShape="1">
          <a:blip r:embed="rId2">
            <a:lum/>
          </a:blip>
          <a:srcRect/>
          <a:stretch>
            <a:fillRect/>
          </a:stretch>
        </a:blipFill>
        <a:effectLst/>
      </p:bgPr>
    </p:bg>
    <p:spTree>
      <p:nvGrpSpPr>
        <p:cNvPr id="1" name=""/>
        <p:cNvGrpSpPr/>
        <p:nvPr/>
      </p:nvGrpSpPr>
      <p:grpSpPr>
        <a:xfrm>
          <a:off x="0" y="0"/>
          <a:ext cx="0" cy="0"/>
          <a:chOff x="0" y="0"/>
          <a:chExt cx="0" cy="0"/>
        </a:xfrm>
      </p:grpSpPr>
      <p:sp>
        <p:nvSpPr>
          <p:cNvPr id="45" name="Pladsholder til tekst 43">
            <a:extLst>
              <a:ext uri="{FF2B5EF4-FFF2-40B4-BE49-F238E27FC236}">
                <a16:creationId xmlns:a16="http://schemas.microsoft.com/office/drawing/2014/main" id="{72302435-4391-48B1-BE38-0F3594FD76E4}"/>
              </a:ext>
            </a:extLst>
          </p:cNvPr>
          <p:cNvSpPr>
            <a:spLocks noGrp="1"/>
          </p:cNvSpPr>
          <p:nvPr userDrawn="1">
            <p:ph type="body" sz="quarter" idx="13" hasCustomPrompt="1"/>
          </p:nvPr>
        </p:nvSpPr>
        <p:spPr>
          <a:xfrm>
            <a:off x="1260047" y="4688478"/>
            <a:ext cx="6545784" cy="1023935"/>
          </a:xfrm>
          <a:prstGeom prst="rect">
            <a:avLst/>
          </a:prstGeom>
        </p:spPr>
        <p:txBody>
          <a:bodyPr>
            <a:normAutofit/>
          </a:bodyPr>
          <a:lstStyle>
            <a:lvl1pPr marL="0" indent="0">
              <a:lnSpc>
                <a:spcPct val="90000"/>
              </a:lnSpc>
              <a:spcBef>
                <a:spcPts val="0"/>
              </a:spcBef>
              <a:spcAft>
                <a:spcPts val="0"/>
              </a:spcAft>
              <a:buNone/>
              <a:defRPr sz="1575">
                <a:solidFill>
                  <a:schemeClr val="bg1"/>
                </a:solidFill>
                <a:latin typeface="+mn-lt"/>
              </a:defRPr>
            </a:lvl1pPr>
          </a:lstStyle>
          <a:p>
            <a:pPr lvl="0"/>
            <a:r>
              <a:rPr lang="da-DK" dirty="0"/>
              <a:t>Underoverskrift 15pt skrives her i to eller max tre linjer</a:t>
            </a:r>
          </a:p>
        </p:txBody>
      </p:sp>
      <p:grpSp>
        <p:nvGrpSpPr>
          <p:cNvPr id="51" name="Gruppe 50">
            <a:extLst>
              <a:ext uri="{FF2B5EF4-FFF2-40B4-BE49-F238E27FC236}">
                <a16:creationId xmlns:a16="http://schemas.microsoft.com/office/drawing/2014/main" id="{B79B11E3-3B69-4F0A-9D80-583DB157F9BB}"/>
              </a:ext>
            </a:extLst>
          </p:cNvPr>
          <p:cNvGrpSpPr/>
          <p:nvPr userDrawn="1"/>
        </p:nvGrpSpPr>
        <p:grpSpPr>
          <a:xfrm>
            <a:off x="1260046" y="233302"/>
            <a:ext cx="5542737" cy="551850"/>
            <a:chOff x="633332" y="243430"/>
            <a:chExt cx="3959098" cy="394179"/>
          </a:xfrm>
        </p:grpSpPr>
        <p:sp>
          <p:nvSpPr>
            <p:cNvPr id="52" name="Tekstfelt 51">
              <a:extLst>
                <a:ext uri="{FF2B5EF4-FFF2-40B4-BE49-F238E27FC236}">
                  <a16:creationId xmlns:a16="http://schemas.microsoft.com/office/drawing/2014/main" id="{8DDEDCFA-406C-4813-84C7-AF250217A214}"/>
                </a:ext>
              </a:extLst>
            </p:cNvPr>
            <p:cNvSpPr txBox="1"/>
            <p:nvPr userDrawn="1"/>
          </p:nvSpPr>
          <p:spPr>
            <a:xfrm>
              <a:off x="633605" y="243430"/>
              <a:ext cx="3958825" cy="227535"/>
            </a:xfrm>
            <a:prstGeom prst="rect">
              <a:avLst/>
            </a:prstGeom>
            <a:noFill/>
          </p:spPr>
          <p:txBody>
            <a:bodyPr wrap="square">
              <a:spAutoFit/>
            </a:bodyPr>
            <a:lstStyle/>
            <a:p>
              <a:r>
                <a:rPr lang="da-DK" sz="1470" b="1" i="0" u="none" strike="noStrike" baseline="0" dirty="0">
                  <a:solidFill>
                    <a:srgbClr val="565656"/>
                  </a:solidFill>
                  <a:latin typeface="Mari Office" panose="020B0506040000020004" pitchFamily="34" charset="0"/>
                </a:rPr>
                <a:t>Center for Ejendomme og Rigshospitalet</a:t>
              </a:r>
              <a:endParaRPr lang="da-DK" sz="1155" b="1" dirty="0">
                <a:solidFill>
                  <a:schemeClr val="tx2"/>
                </a:solidFill>
                <a:latin typeface="Mari Office" panose="020B0506040000020004" pitchFamily="34" charset="0"/>
              </a:endParaRPr>
            </a:p>
          </p:txBody>
        </p:sp>
        <p:sp>
          <p:nvSpPr>
            <p:cNvPr id="53" name="Tekstfelt 52">
              <a:extLst>
                <a:ext uri="{FF2B5EF4-FFF2-40B4-BE49-F238E27FC236}">
                  <a16:creationId xmlns:a16="http://schemas.microsoft.com/office/drawing/2014/main" id="{1959859C-2A68-46D5-8121-146CB75F667C}"/>
                </a:ext>
              </a:extLst>
            </p:cNvPr>
            <p:cNvSpPr txBox="1"/>
            <p:nvPr userDrawn="1"/>
          </p:nvSpPr>
          <p:spPr>
            <a:xfrm>
              <a:off x="633332" y="410074"/>
              <a:ext cx="2873259" cy="227535"/>
            </a:xfrm>
            <a:prstGeom prst="rect">
              <a:avLst/>
            </a:prstGeom>
            <a:noFill/>
          </p:spPr>
          <p:txBody>
            <a:bodyPr wrap="square">
              <a:spAutoFit/>
            </a:bodyPr>
            <a:lstStyle/>
            <a:p>
              <a:r>
                <a:rPr lang="da-DK" sz="1470" b="1" i="0" u="none" strike="noStrike" baseline="0" dirty="0">
                  <a:solidFill>
                    <a:srgbClr val="286E3C"/>
                  </a:solidFill>
                  <a:latin typeface="Mari Office" panose="020B0506040000020004" pitchFamily="34" charset="0"/>
                </a:rPr>
                <a:t>Mary Elizabeths Hospital</a:t>
              </a:r>
              <a:endParaRPr lang="da-DK" sz="1470" b="1" dirty="0">
                <a:solidFill>
                  <a:srgbClr val="286E3C"/>
                </a:solidFill>
                <a:latin typeface="Mari Office" panose="020B0506040000020004" pitchFamily="34" charset="0"/>
              </a:endParaRPr>
            </a:p>
          </p:txBody>
        </p:sp>
      </p:grpSp>
      <p:pic>
        <p:nvPicPr>
          <p:cNvPr id="34" name="Billede 33">
            <a:extLst>
              <a:ext uri="{FF2B5EF4-FFF2-40B4-BE49-F238E27FC236}">
                <a16:creationId xmlns:a16="http://schemas.microsoft.com/office/drawing/2014/main" id="{5D95CE8B-E4BE-4A58-887C-B6258B54A31B}"/>
              </a:ext>
            </a:extLst>
          </p:cNvPr>
          <p:cNvPicPr>
            <a:picLocks noChangeAspect="1"/>
          </p:cNvPicPr>
          <p:nvPr userDrawn="1"/>
        </p:nvPicPr>
        <p:blipFill>
          <a:blip r:embed="rId3">
            <a:extLst>
              <a:ext uri="{28A0092B-C50C-407E-A947-70E740481C1C}">
                <a14:useLocalDpi xmlns:a14="http://schemas.microsoft.com/office/drawing/2010/main" val="0"/>
              </a:ext>
            </a:extLst>
          </a:blip>
          <a:stretch>
            <a:fillRect/>
          </a:stretch>
        </p:blipFill>
        <p:spPr>
          <a:xfrm>
            <a:off x="0" y="6957564"/>
            <a:ext cx="989496" cy="938725"/>
          </a:xfrm>
          <a:prstGeom prst="rect">
            <a:avLst/>
          </a:prstGeom>
        </p:spPr>
      </p:pic>
      <p:sp>
        <p:nvSpPr>
          <p:cNvPr id="3" name="Pladsholder til tekst 2">
            <a:extLst>
              <a:ext uri="{FF2B5EF4-FFF2-40B4-BE49-F238E27FC236}">
                <a16:creationId xmlns:a16="http://schemas.microsoft.com/office/drawing/2014/main" id="{8EF5D24F-6E92-4EFD-9C7E-5EA4B6340AFF}"/>
              </a:ext>
            </a:extLst>
          </p:cNvPr>
          <p:cNvSpPr>
            <a:spLocks noGrp="1"/>
          </p:cNvSpPr>
          <p:nvPr>
            <p:ph type="body" sz="quarter" idx="14" hasCustomPrompt="1"/>
          </p:nvPr>
        </p:nvSpPr>
        <p:spPr>
          <a:xfrm>
            <a:off x="1260046" y="1561105"/>
            <a:ext cx="6545261" cy="3042603"/>
          </a:xfrm>
          <a:prstGeom prst="rect">
            <a:avLst/>
          </a:prstGeom>
        </p:spPr>
        <p:txBody>
          <a:bodyPr>
            <a:normAutofit/>
          </a:bodyPr>
          <a:lstStyle>
            <a:lvl1pPr marL="0" indent="0">
              <a:spcBef>
                <a:spcPts val="0"/>
              </a:spcBef>
              <a:buNone/>
              <a:defRPr sz="4305" b="1">
                <a:solidFill>
                  <a:srgbClr val="286E3C"/>
                </a:solidFill>
                <a:latin typeface="+mj-lt"/>
              </a:defRPr>
            </a:lvl1pPr>
          </a:lstStyle>
          <a:p>
            <a:pPr lvl="0"/>
            <a:r>
              <a:rPr lang="da-DK" dirty="0"/>
              <a:t>Overskrift 41pt skrives her i to eller flere linjer</a:t>
            </a:r>
          </a:p>
        </p:txBody>
      </p:sp>
    </p:spTree>
    <p:extLst>
      <p:ext uri="{BB962C8B-B14F-4D97-AF65-F5344CB8AC3E}">
        <p14:creationId xmlns:p14="http://schemas.microsoft.com/office/powerpoint/2010/main" val="233769278"/>
      </p:ext>
    </p:extLst>
  </p:cSld>
  <p:clrMapOvr>
    <a:overrideClrMapping bg1="dk1" tx1="lt1" bg2="dk2" tx2="lt2" accent1="accent1" accent2="accent2" accent3="accent3" accent4="accent4" accent5="accent5" accent6="accent6" hlink="hlink" folHlink="folHlink"/>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userDrawn="1">
  <p:cSld name="Fire kolonner">
    <p:bg>
      <p:bgPr>
        <a:blipFill dpi="0" rotWithShape="1">
          <a:blip r:embed="rId2">
            <a:lum/>
          </a:blip>
          <a:srcRect/>
          <a:stretch>
            <a:fillRect/>
          </a:stretch>
        </a:blipFill>
        <a:effectLst/>
      </p:bgPr>
    </p:bg>
    <p:spTree>
      <p:nvGrpSpPr>
        <p:cNvPr id="1" name=""/>
        <p:cNvGrpSpPr/>
        <p:nvPr/>
      </p:nvGrpSpPr>
      <p:grpSpPr>
        <a:xfrm>
          <a:off x="0" y="0"/>
          <a:ext cx="0" cy="0"/>
          <a:chOff x="0" y="0"/>
          <a:chExt cx="0" cy="0"/>
        </a:xfrm>
      </p:grpSpPr>
      <p:sp>
        <p:nvSpPr>
          <p:cNvPr id="6" name="Pladsholder til tekst 5">
            <a:extLst>
              <a:ext uri="{FF2B5EF4-FFF2-40B4-BE49-F238E27FC236}">
                <a16:creationId xmlns:a16="http://schemas.microsoft.com/office/drawing/2014/main" id="{F15CE31F-8A60-4B40-B3E5-0209E6B2F0E1}"/>
              </a:ext>
            </a:extLst>
          </p:cNvPr>
          <p:cNvSpPr>
            <a:spLocks noGrp="1"/>
          </p:cNvSpPr>
          <p:nvPr userDrawn="1">
            <p:ph type="body" sz="quarter" idx="17" hasCustomPrompt="1"/>
          </p:nvPr>
        </p:nvSpPr>
        <p:spPr>
          <a:xfrm>
            <a:off x="1260044" y="2860912"/>
            <a:ext cx="3471931" cy="705568"/>
          </a:xfrm>
          <a:prstGeom prst="rect">
            <a:avLst/>
          </a:prstGeom>
        </p:spPr>
        <p:txBody>
          <a:bodyPr/>
          <a:lstStyle>
            <a:lvl1pPr marL="0" indent="0">
              <a:spcBef>
                <a:spcPts val="0"/>
              </a:spcBef>
              <a:buNone/>
              <a:defRPr b="1">
                <a:solidFill>
                  <a:srgbClr val="32283C"/>
                </a:solidFill>
                <a:latin typeface="+mj-lt"/>
              </a:defRPr>
            </a:lvl1pPr>
          </a:lstStyle>
          <a:p>
            <a:pPr lvl="0"/>
            <a:r>
              <a:rPr lang="da-DK" dirty="0"/>
              <a:t>Klik her for at tilføje underoverskrift</a:t>
            </a:r>
          </a:p>
        </p:txBody>
      </p:sp>
      <p:sp>
        <p:nvSpPr>
          <p:cNvPr id="10" name="Pladsholder til tekst 9">
            <a:extLst>
              <a:ext uri="{FF2B5EF4-FFF2-40B4-BE49-F238E27FC236}">
                <a16:creationId xmlns:a16="http://schemas.microsoft.com/office/drawing/2014/main" id="{A1812789-487F-414A-9141-032F8824B44D}"/>
              </a:ext>
            </a:extLst>
          </p:cNvPr>
          <p:cNvSpPr>
            <a:spLocks noGrp="1"/>
          </p:cNvSpPr>
          <p:nvPr userDrawn="1">
            <p:ph type="body" sz="quarter" idx="18" hasCustomPrompt="1"/>
          </p:nvPr>
        </p:nvSpPr>
        <p:spPr>
          <a:xfrm>
            <a:off x="1260047" y="3566480"/>
            <a:ext cx="3471932" cy="4733925"/>
          </a:xfrm>
          <a:prstGeom prst="rect">
            <a:avLst/>
          </a:prstGeom>
        </p:spPr>
        <p:txBody>
          <a:bodyPr/>
          <a:lstStyle>
            <a:lvl1pPr marL="300038" indent="-300038">
              <a:buFontTx/>
              <a:buBlip>
                <a:blip r:embed="rId3"/>
              </a:buBlip>
              <a:defRPr>
                <a:solidFill>
                  <a:srgbClr val="32283C"/>
                </a:solidFill>
                <a:latin typeface="+mn-lt"/>
              </a:defRPr>
            </a:lvl1pPr>
          </a:lstStyle>
          <a:p>
            <a:pPr lvl="0"/>
            <a:r>
              <a:rPr lang="da-DK" dirty="0"/>
              <a:t>Klik for at tilføje tekst</a:t>
            </a:r>
          </a:p>
          <a:p>
            <a:pPr marL="480060" marR="0" lvl="1" indent="-180023" algn="l" defTabSz="960120" rtl="0" eaLnBrk="1" fontAlgn="auto" latinLnBrk="0" hangingPunct="1">
              <a:lnSpc>
                <a:spcPct val="90000"/>
              </a:lnSpc>
              <a:spcBef>
                <a:spcPts val="525"/>
              </a:spcBef>
              <a:spcAft>
                <a:spcPts val="0"/>
              </a:spcAft>
              <a:buClr>
                <a:schemeClr val="bg1"/>
              </a:buClr>
              <a:buSzPct val="100000"/>
              <a:buFontTx/>
              <a:buBlip>
                <a:blip r:embed="rId3"/>
              </a:buBlip>
              <a:tabLst/>
              <a:defRPr/>
            </a:pPr>
            <a:r>
              <a:rPr lang="da-DK" dirty="0"/>
              <a:t>Andet niveau</a:t>
            </a:r>
          </a:p>
          <a:p>
            <a:pPr marL="660083" marR="0" lvl="1" indent="-180023" algn="l" defTabSz="960120" rtl="0" eaLnBrk="1" fontAlgn="auto" latinLnBrk="0" hangingPunct="1">
              <a:lnSpc>
                <a:spcPct val="90000"/>
              </a:lnSpc>
              <a:spcBef>
                <a:spcPts val="525"/>
              </a:spcBef>
              <a:spcAft>
                <a:spcPts val="0"/>
              </a:spcAft>
              <a:buClr>
                <a:schemeClr val="bg1"/>
              </a:buClr>
              <a:buSzPct val="100000"/>
              <a:buFontTx/>
              <a:buBlip>
                <a:blip r:embed="rId3"/>
              </a:buBlip>
              <a:tabLst/>
              <a:defRPr/>
            </a:pPr>
            <a:r>
              <a:rPr lang="da-DK" dirty="0"/>
              <a:t>Tredje niveau</a:t>
            </a:r>
          </a:p>
          <a:p>
            <a:pPr marL="960120" marR="0" lvl="2" indent="-180023" algn="l" defTabSz="960120" rtl="0" eaLnBrk="1" fontAlgn="auto" latinLnBrk="0" hangingPunct="1">
              <a:lnSpc>
                <a:spcPct val="90000"/>
              </a:lnSpc>
              <a:spcBef>
                <a:spcPts val="525"/>
              </a:spcBef>
              <a:spcAft>
                <a:spcPts val="0"/>
              </a:spcAft>
              <a:buClr>
                <a:schemeClr val="bg1"/>
              </a:buClr>
              <a:buSzPct val="100000"/>
              <a:buFontTx/>
              <a:buBlip>
                <a:blip r:embed="rId3"/>
              </a:buBlip>
              <a:tabLst/>
              <a:defRPr/>
            </a:pPr>
            <a:r>
              <a:rPr lang="da-DK" dirty="0"/>
              <a:t>Fjerde niveau</a:t>
            </a:r>
          </a:p>
          <a:p>
            <a:pPr marL="1440180" marR="0" lvl="3" indent="-180023" algn="l" defTabSz="960120" rtl="0" eaLnBrk="1" fontAlgn="auto" latinLnBrk="0" hangingPunct="1">
              <a:lnSpc>
                <a:spcPct val="90000"/>
              </a:lnSpc>
              <a:spcBef>
                <a:spcPts val="525"/>
              </a:spcBef>
              <a:spcAft>
                <a:spcPts val="0"/>
              </a:spcAft>
              <a:buClr>
                <a:schemeClr val="bg1"/>
              </a:buClr>
              <a:buSzPct val="100000"/>
              <a:buFontTx/>
              <a:buBlip>
                <a:blip r:embed="rId3"/>
              </a:buBlip>
              <a:tabLst/>
              <a:defRPr/>
            </a:pPr>
            <a:r>
              <a:rPr lang="da-DK" dirty="0"/>
              <a:t>Femte niveau</a:t>
            </a:r>
          </a:p>
        </p:txBody>
      </p:sp>
      <p:sp>
        <p:nvSpPr>
          <p:cNvPr id="24" name="Pladsholder til tekst 5">
            <a:extLst>
              <a:ext uri="{FF2B5EF4-FFF2-40B4-BE49-F238E27FC236}">
                <a16:creationId xmlns:a16="http://schemas.microsoft.com/office/drawing/2014/main" id="{76AA9A02-66D7-4EFD-9151-6C572B461263}"/>
              </a:ext>
            </a:extLst>
          </p:cNvPr>
          <p:cNvSpPr>
            <a:spLocks noGrp="1"/>
          </p:cNvSpPr>
          <p:nvPr userDrawn="1">
            <p:ph type="body" sz="quarter" idx="19" hasCustomPrompt="1"/>
          </p:nvPr>
        </p:nvSpPr>
        <p:spPr>
          <a:xfrm>
            <a:off x="5062462" y="2860912"/>
            <a:ext cx="3471940" cy="705568"/>
          </a:xfrm>
          <a:prstGeom prst="rect">
            <a:avLst/>
          </a:prstGeom>
        </p:spPr>
        <p:txBody>
          <a:bodyPr/>
          <a:lstStyle>
            <a:lvl1pPr marL="0" indent="0">
              <a:spcBef>
                <a:spcPts val="0"/>
              </a:spcBef>
              <a:buNone/>
              <a:defRPr b="1">
                <a:solidFill>
                  <a:srgbClr val="32283C"/>
                </a:solidFill>
                <a:latin typeface="+mj-lt"/>
              </a:defRPr>
            </a:lvl1pPr>
          </a:lstStyle>
          <a:p>
            <a:pPr lvl="0"/>
            <a:r>
              <a:rPr lang="da-DK" dirty="0"/>
              <a:t>Klik her for at tilføje underoverskrift</a:t>
            </a:r>
          </a:p>
        </p:txBody>
      </p:sp>
      <p:sp>
        <p:nvSpPr>
          <p:cNvPr id="25" name="Pladsholder til tekst 9">
            <a:extLst>
              <a:ext uri="{FF2B5EF4-FFF2-40B4-BE49-F238E27FC236}">
                <a16:creationId xmlns:a16="http://schemas.microsoft.com/office/drawing/2014/main" id="{389B2C06-2517-48DE-A7E7-397BC90249E2}"/>
              </a:ext>
            </a:extLst>
          </p:cNvPr>
          <p:cNvSpPr>
            <a:spLocks noGrp="1"/>
          </p:cNvSpPr>
          <p:nvPr userDrawn="1">
            <p:ph type="body" sz="quarter" idx="20" hasCustomPrompt="1"/>
          </p:nvPr>
        </p:nvSpPr>
        <p:spPr>
          <a:xfrm>
            <a:off x="5062467" y="3566480"/>
            <a:ext cx="3471935" cy="4733925"/>
          </a:xfrm>
          <a:prstGeom prst="rect">
            <a:avLst/>
          </a:prstGeom>
        </p:spPr>
        <p:txBody>
          <a:bodyPr/>
          <a:lstStyle>
            <a:lvl1pPr marL="300038" indent="-300038">
              <a:buFontTx/>
              <a:buBlip>
                <a:blip r:embed="rId3"/>
              </a:buBlip>
              <a:defRPr>
                <a:solidFill>
                  <a:srgbClr val="32283C"/>
                </a:solidFill>
                <a:latin typeface="+mn-lt"/>
              </a:defRPr>
            </a:lvl1pPr>
          </a:lstStyle>
          <a:p>
            <a:pPr lvl="0"/>
            <a:r>
              <a:rPr lang="da-DK" dirty="0"/>
              <a:t>Klik for at tilføje tekst</a:t>
            </a:r>
          </a:p>
          <a:p>
            <a:pPr marL="480060" marR="0" lvl="1" indent="-180023" algn="l" defTabSz="960120" rtl="0" eaLnBrk="1" fontAlgn="auto" latinLnBrk="0" hangingPunct="1">
              <a:lnSpc>
                <a:spcPct val="90000"/>
              </a:lnSpc>
              <a:spcBef>
                <a:spcPts val="525"/>
              </a:spcBef>
              <a:spcAft>
                <a:spcPts val="0"/>
              </a:spcAft>
              <a:buClr>
                <a:schemeClr val="bg1"/>
              </a:buClr>
              <a:buSzPct val="100000"/>
              <a:buFontTx/>
              <a:buBlip>
                <a:blip r:embed="rId3"/>
              </a:buBlip>
              <a:tabLst/>
              <a:defRPr/>
            </a:pPr>
            <a:r>
              <a:rPr lang="da-DK" dirty="0"/>
              <a:t>Andet niveau</a:t>
            </a:r>
          </a:p>
          <a:p>
            <a:pPr marL="660083" marR="0" lvl="1" indent="-180023" algn="l" defTabSz="960120" rtl="0" eaLnBrk="1" fontAlgn="auto" latinLnBrk="0" hangingPunct="1">
              <a:lnSpc>
                <a:spcPct val="90000"/>
              </a:lnSpc>
              <a:spcBef>
                <a:spcPts val="525"/>
              </a:spcBef>
              <a:spcAft>
                <a:spcPts val="0"/>
              </a:spcAft>
              <a:buClr>
                <a:schemeClr val="bg1"/>
              </a:buClr>
              <a:buSzPct val="100000"/>
              <a:buFontTx/>
              <a:buBlip>
                <a:blip r:embed="rId3"/>
              </a:buBlip>
              <a:tabLst/>
              <a:defRPr/>
            </a:pPr>
            <a:r>
              <a:rPr lang="da-DK" dirty="0"/>
              <a:t>Tredje niveau</a:t>
            </a:r>
          </a:p>
          <a:p>
            <a:pPr marL="960120" marR="0" lvl="2" indent="-180023" algn="l" defTabSz="960120" rtl="0" eaLnBrk="1" fontAlgn="auto" latinLnBrk="0" hangingPunct="1">
              <a:lnSpc>
                <a:spcPct val="90000"/>
              </a:lnSpc>
              <a:spcBef>
                <a:spcPts val="525"/>
              </a:spcBef>
              <a:spcAft>
                <a:spcPts val="0"/>
              </a:spcAft>
              <a:buClr>
                <a:schemeClr val="bg1"/>
              </a:buClr>
              <a:buSzPct val="100000"/>
              <a:buFontTx/>
              <a:buBlip>
                <a:blip r:embed="rId3"/>
              </a:buBlip>
              <a:tabLst/>
              <a:defRPr/>
            </a:pPr>
            <a:r>
              <a:rPr lang="da-DK" dirty="0"/>
              <a:t>Fjerde niveau</a:t>
            </a:r>
          </a:p>
          <a:p>
            <a:pPr marL="1440180" marR="0" lvl="3" indent="-180023" algn="l" defTabSz="960120" rtl="0" eaLnBrk="1" fontAlgn="auto" latinLnBrk="0" hangingPunct="1">
              <a:lnSpc>
                <a:spcPct val="90000"/>
              </a:lnSpc>
              <a:spcBef>
                <a:spcPts val="525"/>
              </a:spcBef>
              <a:spcAft>
                <a:spcPts val="0"/>
              </a:spcAft>
              <a:buClr>
                <a:schemeClr val="bg1"/>
              </a:buClr>
              <a:buSzPct val="100000"/>
              <a:buFontTx/>
              <a:buBlip>
                <a:blip r:embed="rId3"/>
              </a:buBlip>
              <a:tabLst/>
              <a:defRPr/>
            </a:pPr>
            <a:r>
              <a:rPr lang="da-DK" dirty="0"/>
              <a:t>Femte niveau</a:t>
            </a:r>
          </a:p>
        </p:txBody>
      </p:sp>
      <p:sp>
        <p:nvSpPr>
          <p:cNvPr id="26" name="Pladsholder til tekst 5">
            <a:extLst>
              <a:ext uri="{FF2B5EF4-FFF2-40B4-BE49-F238E27FC236}">
                <a16:creationId xmlns:a16="http://schemas.microsoft.com/office/drawing/2014/main" id="{045B4B0C-53EA-4940-BDD3-FFA3EAEE66D9}"/>
              </a:ext>
            </a:extLst>
          </p:cNvPr>
          <p:cNvSpPr>
            <a:spLocks noGrp="1"/>
          </p:cNvSpPr>
          <p:nvPr userDrawn="1">
            <p:ph type="body" sz="quarter" idx="21" hasCustomPrompt="1"/>
          </p:nvPr>
        </p:nvSpPr>
        <p:spPr>
          <a:xfrm>
            <a:off x="8864884" y="2868133"/>
            <a:ext cx="3471928" cy="705568"/>
          </a:xfrm>
          <a:prstGeom prst="rect">
            <a:avLst/>
          </a:prstGeom>
        </p:spPr>
        <p:txBody>
          <a:bodyPr/>
          <a:lstStyle>
            <a:lvl1pPr marL="0" indent="0">
              <a:spcBef>
                <a:spcPts val="0"/>
              </a:spcBef>
              <a:buNone/>
              <a:defRPr b="1">
                <a:solidFill>
                  <a:srgbClr val="32283C"/>
                </a:solidFill>
                <a:latin typeface="+mj-lt"/>
              </a:defRPr>
            </a:lvl1pPr>
          </a:lstStyle>
          <a:p>
            <a:pPr lvl="0"/>
            <a:r>
              <a:rPr lang="da-DK" dirty="0"/>
              <a:t>Klik her for at tilføje underoverskrift</a:t>
            </a:r>
          </a:p>
        </p:txBody>
      </p:sp>
      <p:sp>
        <p:nvSpPr>
          <p:cNvPr id="27" name="Pladsholder til tekst 9">
            <a:extLst>
              <a:ext uri="{FF2B5EF4-FFF2-40B4-BE49-F238E27FC236}">
                <a16:creationId xmlns:a16="http://schemas.microsoft.com/office/drawing/2014/main" id="{A7EA65F6-0B50-4CF3-BFA2-56965A4DC2CB}"/>
              </a:ext>
            </a:extLst>
          </p:cNvPr>
          <p:cNvSpPr>
            <a:spLocks noGrp="1"/>
          </p:cNvSpPr>
          <p:nvPr userDrawn="1">
            <p:ph type="body" sz="quarter" idx="22" hasCustomPrompt="1"/>
          </p:nvPr>
        </p:nvSpPr>
        <p:spPr>
          <a:xfrm>
            <a:off x="8864885" y="3573703"/>
            <a:ext cx="3467588" cy="4733925"/>
          </a:xfrm>
          <a:prstGeom prst="rect">
            <a:avLst/>
          </a:prstGeom>
        </p:spPr>
        <p:txBody>
          <a:bodyPr/>
          <a:lstStyle>
            <a:lvl1pPr marL="300038" indent="-300038">
              <a:buFontTx/>
              <a:buBlip>
                <a:blip r:embed="rId3"/>
              </a:buBlip>
              <a:defRPr>
                <a:solidFill>
                  <a:srgbClr val="32283C"/>
                </a:solidFill>
                <a:latin typeface="+mn-lt"/>
              </a:defRPr>
            </a:lvl1pPr>
          </a:lstStyle>
          <a:p>
            <a:pPr lvl="0"/>
            <a:r>
              <a:rPr lang="da-DK" dirty="0"/>
              <a:t>Klik for at tilføje tekst</a:t>
            </a:r>
          </a:p>
          <a:p>
            <a:pPr marL="480060" marR="0" lvl="1" indent="-180023" algn="l" defTabSz="960120" rtl="0" eaLnBrk="1" fontAlgn="auto" latinLnBrk="0" hangingPunct="1">
              <a:lnSpc>
                <a:spcPct val="90000"/>
              </a:lnSpc>
              <a:spcBef>
                <a:spcPts val="525"/>
              </a:spcBef>
              <a:spcAft>
                <a:spcPts val="0"/>
              </a:spcAft>
              <a:buClr>
                <a:schemeClr val="bg1"/>
              </a:buClr>
              <a:buSzPct val="100000"/>
              <a:buFontTx/>
              <a:buBlip>
                <a:blip r:embed="rId3"/>
              </a:buBlip>
              <a:tabLst/>
              <a:defRPr/>
            </a:pPr>
            <a:r>
              <a:rPr lang="da-DK" dirty="0"/>
              <a:t>Andet niveau</a:t>
            </a:r>
          </a:p>
          <a:p>
            <a:pPr marL="660083" marR="0" lvl="1" indent="-180023" algn="l" defTabSz="960120" rtl="0" eaLnBrk="1" fontAlgn="auto" latinLnBrk="0" hangingPunct="1">
              <a:lnSpc>
                <a:spcPct val="90000"/>
              </a:lnSpc>
              <a:spcBef>
                <a:spcPts val="525"/>
              </a:spcBef>
              <a:spcAft>
                <a:spcPts val="0"/>
              </a:spcAft>
              <a:buClr>
                <a:schemeClr val="bg1"/>
              </a:buClr>
              <a:buSzPct val="100000"/>
              <a:buFontTx/>
              <a:buBlip>
                <a:blip r:embed="rId3"/>
              </a:buBlip>
              <a:tabLst/>
              <a:defRPr/>
            </a:pPr>
            <a:r>
              <a:rPr lang="da-DK" dirty="0"/>
              <a:t>Tredje niveau</a:t>
            </a:r>
          </a:p>
          <a:p>
            <a:pPr marL="960120" marR="0" lvl="2" indent="-180023" algn="l" defTabSz="960120" rtl="0" eaLnBrk="1" fontAlgn="auto" latinLnBrk="0" hangingPunct="1">
              <a:lnSpc>
                <a:spcPct val="90000"/>
              </a:lnSpc>
              <a:spcBef>
                <a:spcPts val="525"/>
              </a:spcBef>
              <a:spcAft>
                <a:spcPts val="0"/>
              </a:spcAft>
              <a:buClr>
                <a:schemeClr val="bg1"/>
              </a:buClr>
              <a:buSzPct val="100000"/>
              <a:buFontTx/>
              <a:buBlip>
                <a:blip r:embed="rId3"/>
              </a:buBlip>
              <a:tabLst/>
              <a:defRPr/>
            </a:pPr>
            <a:r>
              <a:rPr lang="da-DK" dirty="0"/>
              <a:t>Fjerde niveau</a:t>
            </a:r>
          </a:p>
          <a:p>
            <a:pPr marL="1440180" marR="0" lvl="3" indent="-180023" algn="l" defTabSz="960120" rtl="0" eaLnBrk="1" fontAlgn="auto" latinLnBrk="0" hangingPunct="1">
              <a:lnSpc>
                <a:spcPct val="90000"/>
              </a:lnSpc>
              <a:spcBef>
                <a:spcPts val="525"/>
              </a:spcBef>
              <a:spcAft>
                <a:spcPts val="0"/>
              </a:spcAft>
              <a:buClr>
                <a:schemeClr val="bg1"/>
              </a:buClr>
              <a:buSzPct val="100000"/>
              <a:buFontTx/>
              <a:buBlip>
                <a:blip r:embed="rId3"/>
              </a:buBlip>
              <a:tabLst/>
              <a:defRPr/>
            </a:pPr>
            <a:r>
              <a:rPr lang="da-DK" dirty="0"/>
              <a:t>Femte niveau</a:t>
            </a:r>
          </a:p>
        </p:txBody>
      </p:sp>
      <p:sp>
        <p:nvSpPr>
          <p:cNvPr id="28" name="Pladsholder til tekst 5">
            <a:extLst>
              <a:ext uri="{FF2B5EF4-FFF2-40B4-BE49-F238E27FC236}">
                <a16:creationId xmlns:a16="http://schemas.microsoft.com/office/drawing/2014/main" id="{A7DE824A-C099-46CE-9A7C-58B8DE542CA4}"/>
              </a:ext>
            </a:extLst>
          </p:cNvPr>
          <p:cNvSpPr>
            <a:spLocks noGrp="1"/>
          </p:cNvSpPr>
          <p:nvPr userDrawn="1">
            <p:ph type="body" sz="quarter" idx="23" hasCustomPrompt="1"/>
          </p:nvPr>
        </p:nvSpPr>
        <p:spPr>
          <a:xfrm>
            <a:off x="12662955" y="2860912"/>
            <a:ext cx="3471928" cy="705568"/>
          </a:xfrm>
          <a:prstGeom prst="rect">
            <a:avLst/>
          </a:prstGeom>
        </p:spPr>
        <p:txBody>
          <a:bodyPr/>
          <a:lstStyle>
            <a:lvl1pPr marL="0" indent="0">
              <a:spcBef>
                <a:spcPts val="0"/>
              </a:spcBef>
              <a:buNone/>
              <a:defRPr b="1">
                <a:solidFill>
                  <a:srgbClr val="32283C"/>
                </a:solidFill>
                <a:latin typeface="+mj-lt"/>
              </a:defRPr>
            </a:lvl1pPr>
          </a:lstStyle>
          <a:p>
            <a:pPr lvl="0"/>
            <a:r>
              <a:rPr lang="da-DK" dirty="0"/>
              <a:t>Klik her for at tilføje underoverskrift</a:t>
            </a:r>
          </a:p>
        </p:txBody>
      </p:sp>
      <p:sp>
        <p:nvSpPr>
          <p:cNvPr id="29" name="Pladsholder til tekst 9">
            <a:extLst>
              <a:ext uri="{FF2B5EF4-FFF2-40B4-BE49-F238E27FC236}">
                <a16:creationId xmlns:a16="http://schemas.microsoft.com/office/drawing/2014/main" id="{553B59C9-CBA7-483A-99F0-B7C48050E373}"/>
              </a:ext>
            </a:extLst>
          </p:cNvPr>
          <p:cNvSpPr>
            <a:spLocks noGrp="1"/>
          </p:cNvSpPr>
          <p:nvPr userDrawn="1">
            <p:ph type="body" sz="quarter" idx="24" hasCustomPrompt="1"/>
          </p:nvPr>
        </p:nvSpPr>
        <p:spPr>
          <a:xfrm>
            <a:off x="12662955" y="3566480"/>
            <a:ext cx="3467587" cy="4733925"/>
          </a:xfrm>
          <a:prstGeom prst="rect">
            <a:avLst/>
          </a:prstGeom>
        </p:spPr>
        <p:txBody>
          <a:bodyPr/>
          <a:lstStyle>
            <a:lvl1pPr marL="300038" indent="-300038">
              <a:buFontTx/>
              <a:buBlip>
                <a:blip r:embed="rId3"/>
              </a:buBlip>
              <a:defRPr>
                <a:solidFill>
                  <a:srgbClr val="32283C"/>
                </a:solidFill>
                <a:latin typeface="+mn-lt"/>
              </a:defRPr>
            </a:lvl1pPr>
          </a:lstStyle>
          <a:p>
            <a:pPr lvl="0"/>
            <a:r>
              <a:rPr lang="da-DK" dirty="0"/>
              <a:t>Klik for at tilføje tekst</a:t>
            </a:r>
          </a:p>
          <a:p>
            <a:pPr marL="480060" marR="0" lvl="1" indent="-180023" algn="l" defTabSz="960120" rtl="0" eaLnBrk="1" fontAlgn="auto" latinLnBrk="0" hangingPunct="1">
              <a:lnSpc>
                <a:spcPct val="90000"/>
              </a:lnSpc>
              <a:spcBef>
                <a:spcPts val="525"/>
              </a:spcBef>
              <a:spcAft>
                <a:spcPts val="0"/>
              </a:spcAft>
              <a:buClr>
                <a:schemeClr val="bg1"/>
              </a:buClr>
              <a:buSzPct val="100000"/>
              <a:buFontTx/>
              <a:buBlip>
                <a:blip r:embed="rId3"/>
              </a:buBlip>
              <a:tabLst/>
              <a:defRPr/>
            </a:pPr>
            <a:r>
              <a:rPr lang="da-DK" dirty="0"/>
              <a:t>Andet niveau</a:t>
            </a:r>
          </a:p>
          <a:p>
            <a:pPr marL="660083" marR="0" lvl="1" indent="-180023" algn="l" defTabSz="960120" rtl="0" eaLnBrk="1" fontAlgn="auto" latinLnBrk="0" hangingPunct="1">
              <a:lnSpc>
                <a:spcPct val="90000"/>
              </a:lnSpc>
              <a:spcBef>
                <a:spcPts val="525"/>
              </a:spcBef>
              <a:spcAft>
                <a:spcPts val="0"/>
              </a:spcAft>
              <a:buClr>
                <a:schemeClr val="bg1"/>
              </a:buClr>
              <a:buSzPct val="100000"/>
              <a:buFontTx/>
              <a:buBlip>
                <a:blip r:embed="rId3"/>
              </a:buBlip>
              <a:tabLst/>
              <a:defRPr/>
            </a:pPr>
            <a:r>
              <a:rPr lang="da-DK" dirty="0"/>
              <a:t>Tredje niveau</a:t>
            </a:r>
          </a:p>
          <a:p>
            <a:pPr marL="960120" marR="0" lvl="2" indent="-180023" algn="l" defTabSz="960120" rtl="0" eaLnBrk="1" fontAlgn="auto" latinLnBrk="0" hangingPunct="1">
              <a:lnSpc>
                <a:spcPct val="90000"/>
              </a:lnSpc>
              <a:spcBef>
                <a:spcPts val="525"/>
              </a:spcBef>
              <a:spcAft>
                <a:spcPts val="0"/>
              </a:spcAft>
              <a:buClr>
                <a:schemeClr val="bg1"/>
              </a:buClr>
              <a:buSzPct val="100000"/>
              <a:buFontTx/>
              <a:buBlip>
                <a:blip r:embed="rId3"/>
              </a:buBlip>
              <a:tabLst/>
              <a:defRPr/>
            </a:pPr>
            <a:r>
              <a:rPr lang="da-DK" dirty="0"/>
              <a:t>Fjerde niveau</a:t>
            </a:r>
          </a:p>
          <a:p>
            <a:pPr marL="1440180" marR="0" lvl="3" indent="-180023" algn="l" defTabSz="960120" rtl="0" eaLnBrk="1" fontAlgn="auto" latinLnBrk="0" hangingPunct="1">
              <a:lnSpc>
                <a:spcPct val="90000"/>
              </a:lnSpc>
              <a:spcBef>
                <a:spcPts val="525"/>
              </a:spcBef>
              <a:spcAft>
                <a:spcPts val="0"/>
              </a:spcAft>
              <a:buClr>
                <a:schemeClr val="bg1"/>
              </a:buClr>
              <a:buSzPct val="100000"/>
              <a:buFontTx/>
              <a:buBlip>
                <a:blip r:embed="rId3"/>
              </a:buBlip>
              <a:tabLst/>
              <a:defRPr/>
            </a:pPr>
            <a:r>
              <a:rPr lang="da-DK" dirty="0"/>
              <a:t>Femte niveau</a:t>
            </a:r>
          </a:p>
        </p:txBody>
      </p:sp>
      <p:grpSp>
        <p:nvGrpSpPr>
          <p:cNvPr id="45" name="Gruppe 44">
            <a:extLst>
              <a:ext uri="{FF2B5EF4-FFF2-40B4-BE49-F238E27FC236}">
                <a16:creationId xmlns:a16="http://schemas.microsoft.com/office/drawing/2014/main" id="{27103275-80BD-4813-B186-D0B1CE98E95E}"/>
              </a:ext>
            </a:extLst>
          </p:cNvPr>
          <p:cNvGrpSpPr/>
          <p:nvPr userDrawn="1"/>
        </p:nvGrpSpPr>
        <p:grpSpPr>
          <a:xfrm>
            <a:off x="1260046" y="233302"/>
            <a:ext cx="5578076" cy="551850"/>
            <a:chOff x="633332" y="243430"/>
            <a:chExt cx="3984340" cy="394179"/>
          </a:xfrm>
        </p:grpSpPr>
        <p:sp>
          <p:nvSpPr>
            <p:cNvPr id="46" name="Tekstfelt 45">
              <a:extLst>
                <a:ext uri="{FF2B5EF4-FFF2-40B4-BE49-F238E27FC236}">
                  <a16:creationId xmlns:a16="http://schemas.microsoft.com/office/drawing/2014/main" id="{F1788BD2-951A-4B1A-9D28-4713E7F24D2A}"/>
                </a:ext>
              </a:extLst>
            </p:cNvPr>
            <p:cNvSpPr txBox="1"/>
            <p:nvPr userDrawn="1"/>
          </p:nvSpPr>
          <p:spPr>
            <a:xfrm>
              <a:off x="633605" y="243430"/>
              <a:ext cx="3984067" cy="227535"/>
            </a:xfrm>
            <a:prstGeom prst="rect">
              <a:avLst/>
            </a:prstGeom>
            <a:noFill/>
          </p:spPr>
          <p:txBody>
            <a:bodyPr wrap="square">
              <a:spAutoFit/>
            </a:bodyPr>
            <a:lstStyle/>
            <a:p>
              <a:r>
                <a:rPr lang="da-DK" sz="1470" b="1" i="0" u="none" strike="noStrike" baseline="0" dirty="0">
                  <a:solidFill>
                    <a:srgbClr val="565656"/>
                  </a:solidFill>
                  <a:latin typeface="Mari Office" panose="020B0506040000020004" pitchFamily="34" charset="0"/>
                </a:rPr>
                <a:t>Center for Ejendomme og Rigshospitalet</a:t>
              </a:r>
              <a:endParaRPr lang="da-DK" sz="1155" b="1" dirty="0">
                <a:solidFill>
                  <a:schemeClr val="tx2"/>
                </a:solidFill>
                <a:latin typeface="Mari Office" panose="020B0506040000020004" pitchFamily="34" charset="0"/>
              </a:endParaRPr>
            </a:p>
          </p:txBody>
        </p:sp>
        <p:sp>
          <p:nvSpPr>
            <p:cNvPr id="47" name="Tekstfelt 46">
              <a:extLst>
                <a:ext uri="{FF2B5EF4-FFF2-40B4-BE49-F238E27FC236}">
                  <a16:creationId xmlns:a16="http://schemas.microsoft.com/office/drawing/2014/main" id="{2596F38D-4D8A-46B6-BE9A-B80AF5F24717}"/>
                </a:ext>
              </a:extLst>
            </p:cNvPr>
            <p:cNvSpPr txBox="1"/>
            <p:nvPr userDrawn="1"/>
          </p:nvSpPr>
          <p:spPr>
            <a:xfrm>
              <a:off x="633332" y="410074"/>
              <a:ext cx="2873259" cy="227535"/>
            </a:xfrm>
            <a:prstGeom prst="rect">
              <a:avLst/>
            </a:prstGeom>
            <a:noFill/>
          </p:spPr>
          <p:txBody>
            <a:bodyPr wrap="square">
              <a:spAutoFit/>
            </a:bodyPr>
            <a:lstStyle/>
            <a:p>
              <a:r>
                <a:rPr lang="da-DK" sz="1470" b="1" i="0" u="none" strike="noStrike" baseline="0" dirty="0">
                  <a:solidFill>
                    <a:srgbClr val="286E3C"/>
                  </a:solidFill>
                  <a:latin typeface="Mari Office" panose="020B0506040000020004" pitchFamily="34" charset="0"/>
                </a:rPr>
                <a:t>Mary Elizabeths Hospital</a:t>
              </a:r>
              <a:endParaRPr lang="da-DK" sz="1470" b="1" dirty="0">
                <a:solidFill>
                  <a:srgbClr val="286E3C"/>
                </a:solidFill>
                <a:latin typeface="Mari Office" panose="020B0506040000020004" pitchFamily="34" charset="0"/>
              </a:endParaRPr>
            </a:p>
          </p:txBody>
        </p:sp>
      </p:grpSp>
      <p:sp>
        <p:nvSpPr>
          <p:cNvPr id="17" name="Slide Number Placeholder 4">
            <a:extLst>
              <a:ext uri="{FF2B5EF4-FFF2-40B4-BE49-F238E27FC236}">
                <a16:creationId xmlns:a16="http://schemas.microsoft.com/office/drawing/2014/main" id="{AFC4B832-9AEF-4FB3-9CDE-BB8BE72045C3}"/>
              </a:ext>
            </a:extLst>
          </p:cNvPr>
          <p:cNvSpPr>
            <a:spLocks noGrp="1"/>
          </p:cNvSpPr>
          <p:nvPr>
            <p:ph type="sldNum" sz="quarter" idx="12"/>
          </p:nvPr>
        </p:nvSpPr>
        <p:spPr>
          <a:xfrm>
            <a:off x="15105347" y="8980814"/>
            <a:ext cx="962340" cy="499617"/>
          </a:xfrm>
          <a:prstGeom prst="rect">
            <a:avLst/>
          </a:prstGeom>
        </p:spPr>
        <p:txBody>
          <a:bodyPr/>
          <a:lstStyle>
            <a:lvl1pPr algn="ctr">
              <a:defRPr sz="1050" b="1">
                <a:solidFill>
                  <a:schemeClr val="bg2"/>
                </a:solidFill>
              </a:defRPr>
            </a:lvl1pPr>
          </a:lstStyle>
          <a:p>
            <a:fld id="{667EC89C-17A0-4E64-A6D2-B825673CEEDF}" type="slidenum">
              <a:rPr lang="da-DK" smtClean="0"/>
              <a:pPr/>
              <a:t>‹nr.›</a:t>
            </a:fld>
            <a:endParaRPr lang="da-DK" dirty="0"/>
          </a:p>
        </p:txBody>
      </p:sp>
      <p:sp>
        <p:nvSpPr>
          <p:cNvPr id="15" name="Pladsholder til tekst 11">
            <a:extLst>
              <a:ext uri="{FF2B5EF4-FFF2-40B4-BE49-F238E27FC236}">
                <a16:creationId xmlns:a16="http://schemas.microsoft.com/office/drawing/2014/main" id="{4D913B43-09C3-496B-8585-8EA9FAFDA23F}"/>
              </a:ext>
            </a:extLst>
          </p:cNvPr>
          <p:cNvSpPr>
            <a:spLocks noGrp="1"/>
          </p:cNvSpPr>
          <p:nvPr>
            <p:ph type="body" sz="quarter" idx="25" hasCustomPrompt="1"/>
          </p:nvPr>
        </p:nvSpPr>
        <p:spPr>
          <a:xfrm>
            <a:off x="1260427" y="897492"/>
            <a:ext cx="12714923" cy="1670742"/>
          </a:xfrm>
          <a:prstGeom prst="rect">
            <a:avLst/>
          </a:prstGeom>
        </p:spPr>
        <p:txBody>
          <a:bodyPr anchor="b">
            <a:noAutofit/>
          </a:bodyPr>
          <a:lstStyle>
            <a:lvl1pPr marL="0" indent="0">
              <a:spcBef>
                <a:spcPts val="0"/>
              </a:spcBef>
              <a:buNone/>
              <a:defRPr sz="3675" b="1">
                <a:solidFill>
                  <a:schemeClr val="bg1"/>
                </a:solidFill>
                <a:latin typeface="+mj-lt"/>
              </a:defRPr>
            </a:lvl1pPr>
          </a:lstStyle>
          <a:p>
            <a:pPr lvl="0"/>
            <a:r>
              <a:rPr lang="da-DK" dirty="0"/>
              <a:t>Klik her for at tilføje overskrift</a:t>
            </a:r>
            <a:br>
              <a:rPr lang="da-DK" dirty="0"/>
            </a:br>
            <a:r>
              <a:rPr lang="da-DK" dirty="0"/>
              <a:t>– linje nummer to</a:t>
            </a:r>
          </a:p>
        </p:txBody>
      </p:sp>
    </p:spTree>
    <p:extLst>
      <p:ext uri="{BB962C8B-B14F-4D97-AF65-F5344CB8AC3E}">
        <p14:creationId xmlns:p14="http://schemas.microsoft.com/office/powerpoint/2010/main" val="3578306198"/>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preserve="1" userDrawn="1">
  <p:cSld name="Teksttung side 1">
    <p:bg>
      <p:bgPr>
        <a:blipFill dpi="0" rotWithShape="1">
          <a:blip r:embed="rId2">
            <a:lum/>
          </a:blip>
          <a:srcRect/>
          <a:stretch>
            <a:fillRect/>
          </a:stretch>
        </a:blipFill>
        <a:effectLst/>
      </p:bgPr>
    </p:bg>
    <p:spTree>
      <p:nvGrpSpPr>
        <p:cNvPr id="1" name=""/>
        <p:cNvGrpSpPr/>
        <p:nvPr/>
      </p:nvGrpSpPr>
      <p:grpSpPr>
        <a:xfrm>
          <a:off x="0" y="0"/>
          <a:ext cx="0" cy="0"/>
          <a:chOff x="0" y="0"/>
          <a:chExt cx="0" cy="0"/>
        </a:xfrm>
      </p:grpSpPr>
      <p:sp>
        <p:nvSpPr>
          <p:cNvPr id="10" name="Pladsholder til tekst 11">
            <a:extLst>
              <a:ext uri="{FF2B5EF4-FFF2-40B4-BE49-F238E27FC236}">
                <a16:creationId xmlns:a16="http://schemas.microsoft.com/office/drawing/2014/main" id="{966C6D4E-3E19-429E-A19E-10B17BEA1E09}"/>
              </a:ext>
            </a:extLst>
          </p:cNvPr>
          <p:cNvSpPr>
            <a:spLocks noGrp="1"/>
          </p:cNvSpPr>
          <p:nvPr>
            <p:ph type="body" sz="quarter" idx="17" hasCustomPrompt="1"/>
          </p:nvPr>
        </p:nvSpPr>
        <p:spPr>
          <a:xfrm>
            <a:off x="1260045" y="3080386"/>
            <a:ext cx="7251051" cy="5029518"/>
          </a:xfrm>
          <a:prstGeom prst="rect">
            <a:avLst/>
          </a:prstGeom>
        </p:spPr>
        <p:txBody>
          <a:bodyPr/>
          <a:lstStyle>
            <a:lvl1pPr marL="300038" indent="-300038">
              <a:buSzPct val="110000"/>
              <a:buFontTx/>
              <a:buBlip>
                <a:blip r:embed="rId3"/>
              </a:buBlip>
              <a:defRPr>
                <a:solidFill>
                  <a:srgbClr val="32283C"/>
                </a:solidFill>
                <a:latin typeface="+mn-lt"/>
              </a:defRPr>
            </a:lvl1pPr>
            <a:lvl2pPr marL="780098" indent="-300038">
              <a:buFontTx/>
              <a:buBlip>
                <a:blip r:embed="rId3"/>
              </a:buBlip>
              <a:defRPr>
                <a:latin typeface="+mn-lt"/>
              </a:defRPr>
            </a:lvl2pPr>
            <a:lvl3pPr marL="960120" indent="-180023">
              <a:buSzPct val="100000"/>
              <a:buFontTx/>
              <a:buBlip>
                <a:blip r:embed="rId3"/>
              </a:buBlip>
              <a:defRPr>
                <a:latin typeface="+mn-lt"/>
              </a:defRPr>
            </a:lvl3pPr>
            <a:lvl4pPr marL="1440180" indent="-180023">
              <a:buSzPct val="100000"/>
              <a:buFontTx/>
              <a:buBlip>
                <a:blip r:embed="rId3"/>
              </a:buBlip>
              <a:defRPr>
                <a:latin typeface="+mn-lt"/>
              </a:defRPr>
            </a:lvl4pPr>
            <a:lvl5pPr marL="2340293" indent="-180023">
              <a:buFont typeface="Arial" panose="020B0604020202020204" pitchFamily="34" charset="0"/>
              <a:buChar char="•"/>
              <a:defRPr/>
            </a:lvl5pPr>
          </a:lstStyle>
          <a:p>
            <a:pPr lvl="0"/>
            <a:r>
              <a:rPr lang="da-DK" dirty="0"/>
              <a:t>Klik for at tilføje brødtekst 15pt</a:t>
            </a:r>
          </a:p>
          <a:p>
            <a:pPr marL="480060" marR="0" lvl="1" indent="-180023" algn="l" defTabSz="960120" rtl="0" eaLnBrk="1" fontAlgn="auto" latinLnBrk="0" hangingPunct="1">
              <a:lnSpc>
                <a:spcPct val="90000"/>
              </a:lnSpc>
              <a:spcBef>
                <a:spcPts val="525"/>
              </a:spcBef>
              <a:spcAft>
                <a:spcPts val="0"/>
              </a:spcAft>
              <a:buClr>
                <a:schemeClr val="bg1"/>
              </a:buClr>
              <a:buSzPct val="100000"/>
              <a:buFontTx/>
              <a:buBlip>
                <a:blip r:embed="rId3"/>
              </a:buBlip>
              <a:tabLst/>
              <a:defRPr/>
            </a:pPr>
            <a:r>
              <a:rPr lang="da-DK" dirty="0"/>
              <a:t>Andet niveau</a:t>
            </a:r>
          </a:p>
          <a:p>
            <a:pPr marL="660083" marR="0" lvl="1" indent="-180023" algn="l" defTabSz="960120" rtl="0" eaLnBrk="1" fontAlgn="auto" latinLnBrk="0" hangingPunct="1">
              <a:lnSpc>
                <a:spcPct val="90000"/>
              </a:lnSpc>
              <a:spcBef>
                <a:spcPts val="525"/>
              </a:spcBef>
              <a:spcAft>
                <a:spcPts val="0"/>
              </a:spcAft>
              <a:buClr>
                <a:schemeClr val="bg1"/>
              </a:buClr>
              <a:buSzPct val="100000"/>
              <a:buFontTx/>
              <a:buBlip>
                <a:blip r:embed="rId3"/>
              </a:buBlip>
              <a:tabLst/>
              <a:defRPr/>
            </a:pPr>
            <a:r>
              <a:rPr lang="da-DK" dirty="0"/>
              <a:t>Tredje niveau</a:t>
            </a:r>
          </a:p>
          <a:p>
            <a:pPr marL="960120" marR="0" lvl="2" indent="-180023" algn="l" defTabSz="960120" rtl="0" eaLnBrk="1" fontAlgn="auto" latinLnBrk="0" hangingPunct="1">
              <a:lnSpc>
                <a:spcPct val="90000"/>
              </a:lnSpc>
              <a:spcBef>
                <a:spcPts val="525"/>
              </a:spcBef>
              <a:spcAft>
                <a:spcPts val="0"/>
              </a:spcAft>
              <a:buClr>
                <a:schemeClr val="bg1"/>
              </a:buClr>
              <a:buSzPct val="100000"/>
              <a:buFontTx/>
              <a:buBlip>
                <a:blip r:embed="rId3"/>
              </a:buBlip>
              <a:tabLst/>
              <a:defRPr/>
            </a:pPr>
            <a:r>
              <a:rPr lang="da-DK" dirty="0"/>
              <a:t>Fjerde niveau</a:t>
            </a:r>
          </a:p>
          <a:p>
            <a:pPr marL="1440180" marR="0" lvl="3" indent="-180023" algn="l" defTabSz="960120" rtl="0" eaLnBrk="1" fontAlgn="auto" latinLnBrk="0" hangingPunct="1">
              <a:lnSpc>
                <a:spcPct val="90000"/>
              </a:lnSpc>
              <a:spcBef>
                <a:spcPts val="525"/>
              </a:spcBef>
              <a:spcAft>
                <a:spcPts val="0"/>
              </a:spcAft>
              <a:buClr>
                <a:schemeClr val="bg1"/>
              </a:buClr>
              <a:buSzPct val="100000"/>
              <a:buFontTx/>
              <a:buBlip>
                <a:blip r:embed="rId3"/>
              </a:buBlip>
              <a:tabLst/>
              <a:defRPr/>
            </a:pPr>
            <a:r>
              <a:rPr lang="da-DK" dirty="0"/>
              <a:t>Femte niveau</a:t>
            </a:r>
          </a:p>
          <a:p>
            <a:pPr lvl="3"/>
            <a:endParaRPr lang="da-DK" dirty="0"/>
          </a:p>
          <a:p>
            <a:pPr lvl="4"/>
            <a:endParaRPr lang="da-DK" dirty="0"/>
          </a:p>
          <a:p>
            <a:pPr lvl="0"/>
            <a:endParaRPr lang="da-DK" dirty="0"/>
          </a:p>
        </p:txBody>
      </p:sp>
      <p:grpSp>
        <p:nvGrpSpPr>
          <p:cNvPr id="13" name="Gruppe 12">
            <a:extLst>
              <a:ext uri="{FF2B5EF4-FFF2-40B4-BE49-F238E27FC236}">
                <a16:creationId xmlns:a16="http://schemas.microsoft.com/office/drawing/2014/main" id="{32B78391-1A13-477A-A4BE-A1822FF6D4D0}"/>
              </a:ext>
            </a:extLst>
          </p:cNvPr>
          <p:cNvGrpSpPr/>
          <p:nvPr userDrawn="1"/>
        </p:nvGrpSpPr>
        <p:grpSpPr>
          <a:xfrm>
            <a:off x="1260046" y="233302"/>
            <a:ext cx="6055153" cy="551850"/>
            <a:chOff x="633332" y="243430"/>
            <a:chExt cx="4325109" cy="394179"/>
          </a:xfrm>
        </p:grpSpPr>
        <p:sp>
          <p:nvSpPr>
            <p:cNvPr id="14" name="Tekstfelt 13">
              <a:extLst>
                <a:ext uri="{FF2B5EF4-FFF2-40B4-BE49-F238E27FC236}">
                  <a16:creationId xmlns:a16="http://schemas.microsoft.com/office/drawing/2014/main" id="{3223D87E-9FA1-4268-B46B-1EFD4C88DD34}"/>
                </a:ext>
              </a:extLst>
            </p:cNvPr>
            <p:cNvSpPr txBox="1"/>
            <p:nvPr userDrawn="1"/>
          </p:nvSpPr>
          <p:spPr>
            <a:xfrm>
              <a:off x="633604" y="243430"/>
              <a:ext cx="4324837" cy="227535"/>
            </a:xfrm>
            <a:prstGeom prst="rect">
              <a:avLst/>
            </a:prstGeom>
            <a:noFill/>
          </p:spPr>
          <p:txBody>
            <a:bodyPr wrap="square">
              <a:spAutoFit/>
            </a:bodyPr>
            <a:lstStyle/>
            <a:p>
              <a:r>
                <a:rPr lang="da-DK" sz="1470" b="1" i="0" u="none" strike="noStrike" baseline="0" dirty="0">
                  <a:solidFill>
                    <a:srgbClr val="565656"/>
                  </a:solidFill>
                  <a:latin typeface="Mari Office" panose="020B0506040000020004" pitchFamily="34" charset="0"/>
                </a:rPr>
                <a:t>Center for Ejendomme og Rigshospitalet</a:t>
              </a:r>
              <a:endParaRPr lang="da-DK" sz="1155" b="1" dirty="0">
                <a:solidFill>
                  <a:schemeClr val="tx2"/>
                </a:solidFill>
                <a:latin typeface="Mari Office" panose="020B0506040000020004" pitchFamily="34" charset="0"/>
              </a:endParaRPr>
            </a:p>
          </p:txBody>
        </p:sp>
        <p:sp>
          <p:nvSpPr>
            <p:cNvPr id="15" name="Tekstfelt 14">
              <a:extLst>
                <a:ext uri="{FF2B5EF4-FFF2-40B4-BE49-F238E27FC236}">
                  <a16:creationId xmlns:a16="http://schemas.microsoft.com/office/drawing/2014/main" id="{16F09770-6E44-4054-BBF4-A9855A42DD68}"/>
                </a:ext>
              </a:extLst>
            </p:cNvPr>
            <p:cNvSpPr txBox="1"/>
            <p:nvPr userDrawn="1"/>
          </p:nvSpPr>
          <p:spPr>
            <a:xfrm>
              <a:off x="633332" y="410074"/>
              <a:ext cx="2873259" cy="227535"/>
            </a:xfrm>
            <a:prstGeom prst="rect">
              <a:avLst/>
            </a:prstGeom>
            <a:noFill/>
          </p:spPr>
          <p:txBody>
            <a:bodyPr wrap="square">
              <a:spAutoFit/>
            </a:bodyPr>
            <a:lstStyle/>
            <a:p>
              <a:r>
                <a:rPr lang="da-DK" sz="1470" b="1" i="0" u="none" strike="noStrike" baseline="0" dirty="0">
                  <a:solidFill>
                    <a:srgbClr val="286E3C"/>
                  </a:solidFill>
                  <a:latin typeface="Mari Office" panose="020B0506040000020004" pitchFamily="34" charset="0"/>
                </a:rPr>
                <a:t>Mary Elizabeths Hospital</a:t>
              </a:r>
              <a:endParaRPr lang="da-DK" sz="1470" b="1" dirty="0">
                <a:solidFill>
                  <a:srgbClr val="286E3C"/>
                </a:solidFill>
                <a:latin typeface="Mari Office" panose="020B0506040000020004" pitchFamily="34" charset="0"/>
              </a:endParaRPr>
            </a:p>
          </p:txBody>
        </p:sp>
      </p:grpSp>
      <p:sp>
        <p:nvSpPr>
          <p:cNvPr id="12" name="Slide Number Placeholder 4">
            <a:extLst>
              <a:ext uri="{FF2B5EF4-FFF2-40B4-BE49-F238E27FC236}">
                <a16:creationId xmlns:a16="http://schemas.microsoft.com/office/drawing/2014/main" id="{25FF3843-1B89-441C-A8EE-A1519F0CE90E}"/>
              </a:ext>
            </a:extLst>
          </p:cNvPr>
          <p:cNvSpPr>
            <a:spLocks noGrp="1"/>
          </p:cNvSpPr>
          <p:nvPr>
            <p:ph type="sldNum" sz="quarter" idx="12"/>
          </p:nvPr>
        </p:nvSpPr>
        <p:spPr>
          <a:xfrm>
            <a:off x="15105347" y="8980814"/>
            <a:ext cx="962340" cy="499617"/>
          </a:xfrm>
          <a:prstGeom prst="rect">
            <a:avLst/>
          </a:prstGeom>
        </p:spPr>
        <p:txBody>
          <a:bodyPr/>
          <a:lstStyle>
            <a:lvl1pPr algn="ctr">
              <a:defRPr sz="1050" b="1">
                <a:solidFill>
                  <a:schemeClr val="bg2"/>
                </a:solidFill>
              </a:defRPr>
            </a:lvl1pPr>
          </a:lstStyle>
          <a:p>
            <a:fld id="{667EC89C-17A0-4E64-A6D2-B825673CEEDF}" type="slidenum">
              <a:rPr lang="da-DK" smtClean="0"/>
              <a:pPr/>
              <a:t>‹nr.›</a:t>
            </a:fld>
            <a:endParaRPr lang="da-DK" dirty="0"/>
          </a:p>
        </p:txBody>
      </p:sp>
      <p:sp>
        <p:nvSpPr>
          <p:cNvPr id="16" name="Pladsholder til tekst 11">
            <a:extLst>
              <a:ext uri="{FF2B5EF4-FFF2-40B4-BE49-F238E27FC236}">
                <a16:creationId xmlns:a16="http://schemas.microsoft.com/office/drawing/2014/main" id="{F9B83485-BFFB-45A0-9AC2-F2211C6979A1}"/>
              </a:ext>
            </a:extLst>
          </p:cNvPr>
          <p:cNvSpPr>
            <a:spLocks noGrp="1"/>
          </p:cNvSpPr>
          <p:nvPr>
            <p:ph type="body" sz="quarter" idx="21" hasCustomPrompt="1"/>
          </p:nvPr>
        </p:nvSpPr>
        <p:spPr>
          <a:xfrm>
            <a:off x="1260427" y="897492"/>
            <a:ext cx="12714923" cy="1670742"/>
          </a:xfrm>
          <a:prstGeom prst="rect">
            <a:avLst/>
          </a:prstGeom>
        </p:spPr>
        <p:txBody>
          <a:bodyPr anchor="b">
            <a:noAutofit/>
          </a:bodyPr>
          <a:lstStyle>
            <a:lvl1pPr marL="0" indent="0">
              <a:spcBef>
                <a:spcPts val="0"/>
              </a:spcBef>
              <a:buNone/>
              <a:defRPr sz="3675" b="1">
                <a:solidFill>
                  <a:schemeClr val="bg1"/>
                </a:solidFill>
                <a:latin typeface="+mj-lt"/>
              </a:defRPr>
            </a:lvl1pPr>
          </a:lstStyle>
          <a:p>
            <a:pPr lvl="0"/>
            <a:r>
              <a:rPr lang="da-DK" dirty="0"/>
              <a:t>Klik her for at tilføje overskrift</a:t>
            </a:r>
            <a:br>
              <a:rPr lang="da-DK" dirty="0"/>
            </a:br>
            <a:r>
              <a:rPr lang="da-DK" dirty="0"/>
              <a:t>– linje nummer to</a:t>
            </a:r>
          </a:p>
        </p:txBody>
      </p:sp>
      <p:sp>
        <p:nvSpPr>
          <p:cNvPr id="17" name="Pladsholder til tekst 11">
            <a:extLst>
              <a:ext uri="{FF2B5EF4-FFF2-40B4-BE49-F238E27FC236}">
                <a16:creationId xmlns:a16="http://schemas.microsoft.com/office/drawing/2014/main" id="{04ADB2C6-6FDC-46FE-8973-CB2CCBE72FC7}"/>
              </a:ext>
            </a:extLst>
          </p:cNvPr>
          <p:cNvSpPr>
            <a:spLocks noGrp="1"/>
          </p:cNvSpPr>
          <p:nvPr>
            <p:ph type="body" sz="quarter" idx="22" hasCustomPrompt="1"/>
          </p:nvPr>
        </p:nvSpPr>
        <p:spPr>
          <a:xfrm>
            <a:off x="8702544" y="3080384"/>
            <a:ext cx="7251051" cy="5029518"/>
          </a:xfrm>
          <a:prstGeom prst="rect">
            <a:avLst/>
          </a:prstGeom>
        </p:spPr>
        <p:txBody>
          <a:bodyPr/>
          <a:lstStyle>
            <a:lvl1pPr marL="300038" indent="-300038">
              <a:buSzPct val="110000"/>
              <a:buFontTx/>
              <a:buBlip>
                <a:blip r:embed="rId3"/>
              </a:buBlip>
              <a:defRPr>
                <a:solidFill>
                  <a:srgbClr val="32283C"/>
                </a:solidFill>
                <a:latin typeface="+mn-lt"/>
              </a:defRPr>
            </a:lvl1pPr>
          </a:lstStyle>
          <a:p>
            <a:pPr lvl="0"/>
            <a:r>
              <a:rPr lang="da-DK" dirty="0"/>
              <a:t>Klik for at tilføje brødtekst 15pt</a:t>
            </a:r>
          </a:p>
          <a:p>
            <a:pPr marL="480060" marR="0" lvl="1" indent="-180023" algn="l" defTabSz="960120" rtl="0" eaLnBrk="1" fontAlgn="auto" latinLnBrk="0" hangingPunct="1">
              <a:lnSpc>
                <a:spcPct val="90000"/>
              </a:lnSpc>
              <a:spcBef>
                <a:spcPts val="525"/>
              </a:spcBef>
              <a:spcAft>
                <a:spcPts val="0"/>
              </a:spcAft>
              <a:buClr>
                <a:schemeClr val="bg1"/>
              </a:buClr>
              <a:buSzPct val="100000"/>
              <a:buFontTx/>
              <a:buBlip>
                <a:blip r:embed="rId3"/>
              </a:buBlip>
              <a:tabLst/>
              <a:defRPr/>
            </a:pPr>
            <a:r>
              <a:rPr lang="da-DK" dirty="0"/>
              <a:t>Andet niveau</a:t>
            </a:r>
          </a:p>
          <a:p>
            <a:pPr marL="660083" marR="0" lvl="1" indent="-180023" algn="l" defTabSz="960120" rtl="0" eaLnBrk="1" fontAlgn="auto" latinLnBrk="0" hangingPunct="1">
              <a:lnSpc>
                <a:spcPct val="90000"/>
              </a:lnSpc>
              <a:spcBef>
                <a:spcPts val="525"/>
              </a:spcBef>
              <a:spcAft>
                <a:spcPts val="0"/>
              </a:spcAft>
              <a:buClr>
                <a:schemeClr val="bg1"/>
              </a:buClr>
              <a:buSzPct val="100000"/>
              <a:buFontTx/>
              <a:buBlip>
                <a:blip r:embed="rId3"/>
              </a:buBlip>
              <a:tabLst/>
              <a:defRPr/>
            </a:pPr>
            <a:r>
              <a:rPr lang="da-DK" dirty="0"/>
              <a:t>Tredje niveau</a:t>
            </a:r>
          </a:p>
          <a:p>
            <a:pPr marL="960120" marR="0" lvl="2" indent="-180023" algn="l" defTabSz="960120" rtl="0" eaLnBrk="1" fontAlgn="auto" latinLnBrk="0" hangingPunct="1">
              <a:lnSpc>
                <a:spcPct val="90000"/>
              </a:lnSpc>
              <a:spcBef>
                <a:spcPts val="525"/>
              </a:spcBef>
              <a:spcAft>
                <a:spcPts val="0"/>
              </a:spcAft>
              <a:buClr>
                <a:schemeClr val="bg1"/>
              </a:buClr>
              <a:buSzPct val="100000"/>
              <a:buFontTx/>
              <a:buBlip>
                <a:blip r:embed="rId3"/>
              </a:buBlip>
              <a:tabLst/>
              <a:defRPr/>
            </a:pPr>
            <a:r>
              <a:rPr lang="da-DK" dirty="0"/>
              <a:t>Fjerde niveau</a:t>
            </a:r>
          </a:p>
          <a:p>
            <a:pPr marL="1440180" marR="0" lvl="3" indent="-180023" algn="l" defTabSz="960120" rtl="0" eaLnBrk="1" fontAlgn="auto" latinLnBrk="0" hangingPunct="1">
              <a:lnSpc>
                <a:spcPct val="90000"/>
              </a:lnSpc>
              <a:spcBef>
                <a:spcPts val="525"/>
              </a:spcBef>
              <a:spcAft>
                <a:spcPts val="0"/>
              </a:spcAft>
              <a:buClr>
                <a:schemeClr val="bg1"/>
              </a:buClr>
              <a:buSzPct val="100000"/>
              <a:buFontTx/>
              <a:buBlip>
                <a:blip r:embed="rId3"/>
              </a:buBlip>
              <a:tabLst/>
              <a:defRPr/>
            </a:pPr>
            <a:r>
              <a:rPr lang="da-DK" dirty="0"/>
              <a:t>Femte niveau</a:t>
            </a:r>
          </a:p>
          <a:p>
            <a:pPr lvl="0"/>
            <a:endParaRPr lang="da-DK" dirty="0"/>
          </a:p>
        </p:txBody>
      </p:sp>
    </p:spTree>
    <p:extLst>
      <p:ext uri="{BB962C8B-B14F-4D97-AF65-F5344CB8AC3E}">
        <p14:creationId xmlns:p14="http://schemas.microsoft.com/office/powerpoint/2010/main" val="4276161437"/>
      </p:ext>
    </p:extLst>
  </p:cSld>
  <p:clrMapOvr>
    <a:masterClrMapping/>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preserve="1" userDrawn="1">
  <p:cSld name="Teksttung side 2">
    <p:bg>
      <p:bgPr>
        <a:blipFill dpi="0" rotWithShape="1">
          <a:blip r:embed="rId2">
            <a:lum/>
          </a:blip>
          <a:srcRect/>
          <a:stretch>
            <a:fillRect/>
          </a:stretch>
        </a:blipFill>
        <a:effectLst/>
      </p:bgPr>
    </p:bg>
    <p:spTree>
      <p:nvGrpSpPr>
        <p:cNvPr id="1" name=""/>
        <p:cNvGrpSpPr/>
        <p:nvPr/>
      </p:nvGrpSpPr>
      <p:grpSpPr>
        <a:xfrm>
          <a:off x="0" y="0"/>
          <a:ext cx="0" cy="0"/>
          <a:chOff x="0" y="0"/>
          <a:chExt cx="0" cy="0"/>
        </a:xfrm>
      </p:grpSpPr>
      <p:sp>
        <p:nvSpPr>
          <p:cNvPr id="33" name="Pladsholder til tekst 11">
            <a:extLst>
              <a:ext uri="{FF2B5EF4-FFF2-40B4-BE49-F238E27FC236}">
                <a16:creationId xmlns:a16="http://schemas.microsoft.com/office/drawing/2014/main" id="{BDC4DFF0-A7F6-4C19-9818-9402A4FC0089}"/>
              </a:ext>
            </a:extLst>
          </p:cNvPr>
          <p:cNvSpPr>
            <a:spLocks noGrp="1"/>
          </p:cNvSpPr>
          <p:nvPr>
            <p:ph type="body" sz="quarter" idx="20" hasCustomPrompt="1"/>
          </p:nvPr>
        </p:nvSpPr>
        <p:spPr>
          <a:xfrm>
            <a:off x="8703749" y="3080386"/>
            <a:ext cx="7478008" cy="5029518"/>
          </a:xfrm>
          <a:prstGeom prst="rect">
            <a:avLst/>
          </a:prstGeom>
        </p:spPr>
        <p:txBody>
          <a:bodyPr/>
          <a:lstStyle>
            <a:lvl1pPr marL="300038" indent="-300038">
              <a:buFontTx/>
              <a:buBlip>
                <a:blip r:embed="rId3"/>
              </a:buBlip>
              <a:defRPr>
                <a:solidFill>
                  <a:srgbClr val="32283C"/>
                </a:solidFill>
                <a:latin typeface="+mn-lt"/>
              </a:defRPr>
            </a:lvl1pPr>
          </a:lstStyle>
          <a:p>
            <a:pPr lvl="0"/>
            <a:r>
              <a:rPr lang="da-DK" dirty="0"/>
              <a:t>Klik for at tilføje brødtekst 15pt</a:t>
            </a:r>
          </a:p>
          <a:p>
            <a:pPr marL="480060" marR="0" lvl="1" indent="-180023" algn="l" defTabSz="960120" rtl="0" eaLnBrk="1" fontAlgn="auto" latinLnBrk="0" hangingPunct="1">
              <a:lnSpc>
                <a:spcPct val="90000"/>
              </a:lnSpc>
              <a:spcBef>
                <a:spcPts val="525"/>
              </a:spcBef>
              <a:spcAft>
                <a:spcPts val="0"/>
              </a:spcAft>
              <a:buClr>
                <a:schemeClr val="bg1"/>
              </a:buClr>
              <a:buSzPct val="100000"/>
              <a:buFontTx/>
              <a:buBlip>
                <a:blip r:embed="rId3"/>
              </a:buBlip>
              <a:tabLst/>
              <a:defRPr/>
            </a:pPr>
            <a:r>
              <a:rPr lang="da-DK" dirty="0"/>
              <a:t>Andet niveau</a:t>
            </a:r>
          </a:p>
          <a:p>
            <a:pPr marL="660083" marR="0" lvl="1" indent="-180023" algn="l" defTabSz="960120" rtl="0" eaLnBrk="1" fontAlgn="auto" latinLnBrk="0" hangingPunct="1">
              <a:lnSpc>
                <a:spcPct val="90000"/>
              </a:lnSpc>
              <a:spcBef>
                <a:spcPts val="525"/>
              </a:spcBef>
              <a:spcAft>
                <a:spcPts val="0"/>
              </a:spcAft>
              <a:buClr>
                <a:schemeClr val="bg1"/>
              </a:buClr>
              <a:buSzPct val="100000"/>
              <a:buFontTx/>
              <a:buBlip>
                <a:blip r:embed="rId3"/>
              </a:buBlip>
              <a:tabLst/>
              <a:defRPr/>
            </a:pPr>
            <a:r>
              <a:rPr lang="da-DK" dirty="0"/>
              <a:t>Tredje niveau</a:t>
            </a:r>
          </a:p>
          <a:p>
            <a:pPr marL="960120" marR="0" lvl="2" indent="-180023" algn="l" defTabSz="960120" rtl="0" eaLnBrk="1" fontAlgn="auto" latinLnBrk="0" hangingPunct="1">
              <a:lnSpc>
                <a:spcPct val="90000"/>
              </a:lnSpc>
              <a:spcBef>
                <a:spcPts val="525"/>
              </a:spcBef>
              <a:spcAft>
                <a:spcPts val="0"/>
              </a:spcAft>
              <a:buClr>
                <a:schemeClr val="bg1"/>
              </a:buClr>
              <a:buSzPct val="100000"/>
              <a:buFontTx/>
              <a:buBlip>
                <a:blip r:embed="rId3"/>
              </a:buBlip>
              <a:tabLst/>
              <a:defRPr/>
            </a:pPr>
            <a:r>
              <a:rPr lang="da-DK" dirty="0"/>
              <a:t>Fjerde niveau</a:t>
            </a:r>
          </a:p>
          <a:p>
            <a:pPr marL="1440180" marR="0" lvl="3" indent="-180023" algn="l" defTabSz="960120" rtl="0" eaLnBrk="1" fontAlgn="auto" latinLnBrk="0" hangingPunct="1">
              <a:lnSpc>
                <a:spcPct val="90000"/>
              </a:lnSpc>
              <a:spcBef>
                <a:spcPts val="525"/>
              </a:spcBef>
              <a:spcAft>
                <a:spcPts val="0"/>
              </a:spcAft>
              <a:buClr>
                <a:schemeClr val="bg1"/>
              </a:buClr>
              <a:buSzPct val="100000"/>
              <a:buFontTx/>
              <a:buBlip>
                <a:blip r:embed="rId3"/>
              </a:buBlip>
              <a:tabLst/>
              <a:defRPr/>
            </a:pPr>
            <a:r>
              <a:rPr lang="da-DK" dirty="0"/>
              <a:t>Femte niveau</a:t>
            </a:r>
          </a:p>
          <a:p>
            <a:pPr lvl="0"/>
            <a:endParaRPr lang="da-DK" dirty="0"/>
          </a:p>
        </p:txBody>
      </p:sp>
      <p:grpSp>
        <p:nvGrpSpPr>
          <p:cNvPr id="10" name="Gruppe 9">
            <a:extLst>
              <a:ext uri="{FF2B5EF4-FFF2-40B4-BE49-F238E27FC236}">
                <a16:creationId xmlns:a16="http://schemas.microsoft.com/office/drawing/2014/main" id="{B523417E-A00E-4FDF-BD2C-FA6A9642CFE2}"/>
              </a:ext>
            </a:extLst>
          </p:cNvPr>
          <p:cNvGrpSpPr/>
          <p:nvPr userDrawn="1"/>
        </p:nvGrpSpPr>
        <p:grpSpPr>
          <a:xfrm>
            <a:off x="1260046" y="233302"/>
            <a:ext cx="6920580" cy="551850"/>
            <a:chOff x="633332" y="243430"/>
            <a:chExt cx="4943272" cy="394179"/>
          </a:xfrm>
        </p:grpSpPr>
        <p:sp>
          <p:nvSpPr>
            <p:cNvPr id="11" name="Tekstfelt 10">
              <a:extLst>
                <a:ext uri="{FF2B5EF4-FFF2-40B4-BE49-F238E27FC236}">
                  <a16:creationId xmlns:a16="http://schemas.microsoft.com/office/drawing/2014/main" id="{B0380B99-7D05-424D-AC46-2374085184E1}"/>
                </a:ext>
              </a:extLst>
            </p:cNvPr>
            <p:cNvSpPr txBox="1"/>
            <p:nvPr userDrawn="1"/>
          </p:nvSpPr>
          <p:spPr>
            <a:xfrm>
              <a:off x="633332" y="243430"/>
              <a:ext cx="4943272" cy="227535"/>
            </a:xfrm>
            <a:prstGeom prst="rect">
              <a:avLst/>
            </a:prstGeom>
            <a:noFill/>
          </p:spPr>
          <p:txBody>
            <a:bodyPr wrap="square">
              <a:spAutoFit/>
            </a:bodyPr>
            <a:lstStyle/>
            <a:p>
              <a:r>
                <a:rPr lang="da-DK" sz="1470" b="1" i="0" u="none" strike="noStrike" baseline="0" dirty="0">
                  <a:solidFill>
                    <a:srgbClr val="565656"/>
                  </a:solidFill>
                  <a:latin typeface="Mari Office" panose="020B0506040000020004" pitchFamily="34" charset="0"/>
                </a:rPr>
                <a:t>Center for Ejendomme og Rigshospitalet</a:t>
              </a:r>
              <a:endParaRPr lang="da-DK" sz="1155" b="1" dirty="0">
                <a:solidFill>
                  <a:schemeClr val="tx2"/>
                </a:solidFill>
                <a:latin typeface="Mari Office" panose="020B0506040000020004" pitchFamily="34" charset="0"/>
              </a:endParaRPr>
            </a:p>
          </p:txBody>
        </p:sp>
        <p:sp>
          <p:nvSpPr>
            <p:cNvPr id="12" name="Tekstfelt 11">
              <a:extLst>
                <a:ext uri="{FF2B5EF4-FFF2-40B4-BE49-F238E27FC236}">
                  <a16:creationId xmlns:a16="http://schemas.microsoft.com/office/drawing/2014/main" id="{48613AA9-DEF5-4555-B640-65343B2D6BC0}"/>
                </a:ext>
              </a:extLst>
            </p:cNvPr>
            <p:cNvSpPr txBox="1"/>
            <p:nvPr userDrawn="1"/>
          </p:nvSpPr>
          <p:spPr>
            <a:xfrm>
              <a:off x="633332" y="410074"/>
              <a:ext cx="2873259" cy="227535"/>
            </a:xfrm>
            <a:prstGeom prst="rect">
              <a:avLst/>
            </a:prstGeom>
            <a:noFill/>
          </p:spPr>
          <p:txBody>
            <a:bodyPr wrap="square">
              <a:spAutoFit/>
            </a:bodyPr>
            <a:lstStyle/>
            <a:p>
              <a:r>
                <a:rPr lang="da-DK" sz="1470" b="1" i="0" u="none" strike="noStrike" baseline="0" dirty="0">
                  <a:solidFill>
                    <a:srgbClr val="286E3C"/>
                  </a:solidFill>
                  <a:latin typeface="Mari Office" panose="020B0506040000020004" pitchFamily="34" charset="0"/>
                </a:rPr>
                <a:t>Mary Elizabeths Hospital</a:t>
              </a:r>
              <a:endParaRPr lang="da-DK" sz="1470" b="1" dirty="0">
                <a:solidFill>
                  <a:srgbClr val="286E3C"/>
                </a:solidFill>
                <a:latin typeface="Mari Office" panose="020B0506040000020004" pitchFamily="34" charset="0"/>
              </a:endParaRPr>
            </a:p>
          </p:txBody>
        </p:sp>
      </p:grpSp>
      <p:sp>
        <p:nvSpPr>
          <p:cNvPr id="14" name="Pladsholder til tekst 11">
            <a:extLst>
              <a:ext uri="{FF2B5EF4-FFF2-40B4-BE49-F238E27FC236}">
                <a16:creationId xmlns:a16="http://schemas.microsoft.com/office/drawing/2014/main" id="{4EADBC55-7E5C-448A-A1D5-8EA356557CA8}"/>
              </a:ext>
            </a:extLst>
          </p:cNvPr>
          <p:cNvSpPr>
            <a:spLocks noGrp="1"/>
          </p:cNvSpPr>
          <p:nvPr>
            <p:ph type="body" sz="quarter" idx="17" hasCustomPrompt="1"/>
          </p:nvPr>
        </p:nvSpPr>
        <p:spPr>
          <a:xfrm>
            <a:off x="1260045" y="3080386"/>
            <a:ext cx="7251051" cy="5029518"/>
          </a:xfrm>
          <a:prstGeom prst="rect">
            <a:avLst/>
          </a:prstGeom>
        </p:spPr>
        <p:txBody>
          <a:bodyPr/>
          <a:lstStyle>
            <a:lvl1pPr marL="300038" indent="-300038">
              <a:buSzPct val="110000"/>
              <a:buFontTx/>
              <a:buBlip>
                <a:blip r:embed="rId3"/>
              </a:buBlip>
              <a:defRPr>
                <a:solidFill>
                  <a:srgbClr val="32283C"/>
                </a:solidFill>
                <a:latin typeface="+mn-lt"/>
              </a:defRPr>
            </a:lvl1pPr>
          </a:lstStyle>
          <a:p>
            <a:pPr lvl="0"/>
            <a:r>
              <a:rPr lang="da-DK" dirty="0"/>
              <a:t>Klik for at tilføje brødtekst 15pt</a:t>
            </a:r>
          </a:p>
          <a:p>
            <a:pPr marL="480060" marR="0" lvl="1" indent="-180023" algn="l" defTabSz="960120" rtl="0" eaLnBrk="1" fontAlgn="auto" latinLnBrk="0" hangingPunct="1">
              <a:lnSpc>
                <a:spcPct val="90000"/>
              </a:lnSpc>
              <a:spcBef>
                <a:spcPts val="525"/>
              </a:spcBef>
              <a:spcAft>
                <a:spcPts val="0"/>
              </a:spcAft>
              <a:buClr>
                <a:schemeClr val="bg1"/>
              </a:buClr>
              <a:buSzPct val="100000"/>
              <a:buFontTx/>
              <a:buBlip>
                <a:blip r:embed="rId3"/>
              </a:buBlip>
              <a:tabLst/>
              <a:defRPr/>
            </a:pPr>
            <a:r>
              <a:rPr lang="da-DK" dirty="0"/>
              <a:t>Andet niveau</a:t>
            </a:r>
          </a:p>
          <a:p>
            <a:pPr marL="660083" marR="0" lvl="1" indent="-180023" algn="l" defTabSz="960120" rtl="0" eaLnBrk="1" fontAlgn="auto" latinLnBrk="0" hangingPunct="1">
              <a:lnSpc>
                <a:spcPct val="90000"/>
              </a:lnSpc>
              <a:spcBef>
                <a:spcPts val="525"/>
              </a:spcBef>
              <a:spcAft>
                <a:spcPts val="0"/>
              </a:spcAft>
              <a:buClr>
                <a:schemeClr val="bg1"/>
              </a:buClr>
              <a:buSzPct val="100000"/>
              <a:buFontTx/>
              <a:buBlip>
                <a:blip r:embed="rId3"/>
              </a:buBlip>
              <a:tabLst/>
              <a:defRPr/>
            </a:pPr>
            <a:r>
              <a:rPr lang="da-DK" dirty="0"/>
              <a:t>Tredje niveau</a:t>
            </a:r>
          </a:p>
          <a:p>
            <a:pPr marL="960120" marR="0" lvl="2" indent="-180023" algn="l" defTabSz="960120" rtl="0" eaLnBrk="1" fontAlgn="auto" latinLnBrk="0" hangingPunct="1">
              <a:lnSpc>
                <a:spcPct val="90000"/>
              </a:lnSpc>
              <a:spcBef>
                <a:spcPts val="525"/>
              </a:spcBef>
              <a:spcAft>
                <a:spcPts val="0"/>
              </a:spcAft>
              <a:buClr>
                <a:schemeClr val="bg1"/>
              </a:buClr>
              <a:buSzPct val="100000"/>
              <a:buFontTx/>
              <a:buBlip>
                <a:blip r:embed="rId3"/>
              </a:buBlip>
              <a:tabLst/>
              <a:defRPr/>
            </a:pPr>
            <a:r>
              <a:rPr lang="da-DK" dirty="0"/>
              <a:t>Fjerde niveau</a:t>
            </a:r>
          </a:p>
          <a:p>
            <a:pPr marL="1440180" marR="0" lvl="3" indent="-180023" algn="l" defTabSz="960120" rtl="0" eaLnBrk="1" fontAlgn="auto" latinLnBrk="0" hangingPunct="1">
              <a:lnSpc>
                <a:spcPct val="90000"/>
              </a:lnSpc>
              <a:spcBef>
                <a:spcPts val="525"/>
              </a:spcBef>
              <a:spcAft>
                <a:spcPts val="0"/>
              </a:spcAft>
              <a:buClr>
                <a:schemeClr val="bg1"/>
              </a:buClr>
              <a:buSzPct val="100000"/>
              <a:buFontTx/>
              <a:buBlip>
                <a:blip r:embed="rId3"/>
              </a:buBlip>
              <a:tabLst/>
              <a:defRPr/>
            </a:pPr>
            <a:r>
              <a:rPr lang="da-DK" dirty="0"/>
              <a:t>Femte niveau</a:t>
            </a:r>
          </a:p>
        </p:txBody>
      </p:sp>
      <p:sp>
        <p:nvSpPr>
          <p:cNvPr id="15" name="Slide Number Placeholder 4">
            <a:extLst>
              <a:ext uri="{FF2B5EF4-FFF2-40B4-BE49-F238E27FC236}">
                <a16:creationId xmlns:a16="http://schemas.microsoft.com/office/drawing/2014/main" id="{1923C667-74D1-4929-9E6F-FDD434F34908}"/>
              </a:ext>
            </a:extLst>
          </p:cNvPr>
          <p:cNvSpPr>
            <a:spLocks noGrp="1"/>
          </p:cNvSpPr>
          <p:nvPr>
            <p:ph type="sldNum" sz="quarter" idx="12"/>
          </p:nvPr>
        </p:nvSpPr>
        <p:spPr>
          <a:xfrm>
            <a:off x="15105347" y="8980814"/>
            <a:ext cx="962340" cy="499617"/>
          </a:xfrm>
          <a:prstGeom prst="rect">
            <a:avLst/>
          </a:prstGeom>
        </p:spPr>
        <p:txBody>
          <a:bodyPr/>
          <a:lstStyle>
            <a:lvl1pPr algn="ctr">
              <a:defRPr sz="1050" b="1">
                <a:solidFill>
                  <a:schemeClr val="bg2"/>
                </a:solidFill>
              </a:defRPr>
            </a:lvl1pPr>
          </a:lstStyle>
          <a:p>
            <a:fld id="{667EC89C-17A0-4E64-A6D2-B825673CEEDF}" type="slidenum">
              <a:rPr lang="da-DK" smtClean="0"/>
              <a:pPr/>
              <a:t>‹nr.›</a:t>
            </a:fld>
            <a:endParaRPr lang="da-DK" dirty="0"/>
          </a:p>
        </p:txBody>
      </p:sp>
      <p:sp>
        <p:nvSpPr>
          <p:cNvPr id="13" name="Pladsholder til tekst 11">
            <a:extLst>
              <a:ext uri="{FF2B5EF4-FFF2-40B4-BE49-F238E27FC236}">
                <a16:creationId xmlns:a16="http://schemas.microsoft.com/office/drawing/2014/main" id="{F1DAA020-9982-4260-89B5-29AA7C5A2F45}"/>
              </a:ext>
            </a:extLst>
          </p:cNvPr>
          <p:cNvSpPr>
            <a:spLocks noGrp="1"/>
          </p:cNvSpPr>
          <p:nvPr>
            <p:ph type="body" sz="quarter" idx="21" hasCustomPrompt="1"/>
          </p:nvPr>
        </p:nvSpPr>
        <p:spPr>
          <a:xfrm>
            <a:off x="1260427" y="897492"/>
            <a:ext cx="12714923" cy="1670742"/>
          </a:xfrm>
          <a:prstGeom prst="rect">
            <a:avLst/>
          </a:prstGeom>
        </p:spPr>
        <p:txBody>
          <a:bodyPr anchor="b">
            <a:noAutofit/>
          </a:bodyPr>
          <a:lstStyle>
            <a:lvl1pPr marL="0" indent="0">
              <a:spcBef>
                <a:spcPts val="0"/>
              </a:spcBef>
              <a:buNone/>
              <a:defRPr sz="3675" b="1">
                <a:solidFill>
                  <a:schemeClr val="bg1"/>
                </a:solidFill>
                <a:latin typeface="+mj-lt"/>
              </a:defRPr>
            </a:lvl1pPr>
          </a:lstStyle>
          <a:p>
            <a:pPr lvl="0"/>
            <a:r>
              <a:rPr lang="da-DK" dirty="0"/>
              <a:t>Klik her for at tilføje overskrift</a:t>
            </a:r>
            <a:br>
              <a:rPr lang="da-DK" dirty="0"/>
            </a:br>
            <a:r>
              <a:rPr lang="da-DK" dirty="0"/>
              <a:t>– linje nummer to</a:t>
            </a:r>
          </a:p>
        </p:txBody>
      </p:sp>
    </p:spTree>
    <p:extLst>
      <p:ext uri="{BB962C8B-B14F-4D97-AF65-F5344CB8AC3E}">
        <p14:creationId xmlns:p14="http://schemas.microsoft.com/office/powerpoint/2010/main" val="2896479843"/>
      </p:ext>
    </p:extLst>
  </p:cSld>
  <p:clrMapOvr>
    <a:masterClrMapping/>
  </p:clrMapOvr>
</p:sldLayout>
</file>

<file path=ppt/slideLayouts/slideLayout13.xml><?xml version="1.0" encoding="utf-8"?>
<p:sldLayout xmlns:a="http://schemas.openxmlformats.org/drawingml/2006/main" xmlns:r="http://schemas.openxmlformats.org/officeDocument/2006/relationships" xmlns:p="http://schemas.openxmlformats.org/presentationml/2006/main" preserve="1" userDrawn="1">
  <p:cSld name="Halv 1">
    <p:bg>
      <p:bgPr>
        <a:blipFill dpi="0" rotWithShape="1">
          <a:blip r:embed="rId2">
            <a:lum/>
          </a:blip>
          <a:srcRect/>
          <a:stretch>
            <a:fillRect/>
          </a:stretch>
        </a:blipFill>
        <a:effectLst/>
      </p:bgPr>
    </p:bg>
    <p:spTree>
      <p:nvGrpSpPr>
        <p:cNvPr id="1" name=""/>
        <p:cNvGrpSpPr/>
        <p:nvPr/>
      </p:nvGrpSpPr>
      <p:grpSpPr>
        <a:xfrm>
          <a:off x="0" y="0"/>
          <a:ext cx="0" cy="0"/>
          <a:chOff x="0" y="0"/>
          <a:chExt cx="0" cy="0"/>
        </a:xfrm>
      </p:grpSpPr>
      <p:sp>
        <p:nvSpPr>
          <p:cNvPr id="6" name="Pladsholder til tekst 17">
            <a:extLst>
              <a:ext uri="{FF2B5EF4-FFF2-40B4-BE49-F238E27FC236}">
                <a16:creationId xmlns:a16="http://schemas.microsoft.com/office/drawing/2014/main" id="{83B20871-873B-4B72-9EB9-2EE864B68DA4}"/>
              </a:ext>
            </a:extLst>
          </p:cNvPr>
          <p:cNvSpPr>
            <a:spLocks noGrp="1"/>
          </p:cNvSpPr>
          <p:nvPr>
            <p:ph type="body" sz="quarter" idx="18" hasCustomPrompt="1"/>
          </p:nvPr>
        </p:nvSpPr>
        <p:spPr>
          <a:xfrm>
            <a:off x="8678910" y="2788178"/>
            <a:ext cx="7532236" cy="5478462"/>
          </a:xfrm>
          <a:prstGeom prst="rect">
            <a:avLst/>
          </a:prstGeom>
        </p:spPr>
        <p:txBody>
          <a:bodyPr/>
          <a:lstStyle>
            <a:lvl1pPr marL="300038" indent="-300038">
              <a:buSzPct val="110000"/>
              <a:buFontTx/>
              <a:buBlip>
                <a:blip r:embed="rId3"/>
              </a:buBlip>
              <a:defRPr>
                <a:solidFill>
                  <a:srgbClr val="32283C"/>
                </a:solidFill>
                <a:latin typeface="+mn-lt"/>
              </a:defRPr>
            </a:lvl1pPr>
          </a:lstStyle>
          <a:p>
            <a:pPr lvl="0"/>
            <a:r>
              <a:rPr lang="da-DK" dirty="0"/>
              <a:t>Klik for at tilføje brødtekst 15pt</a:t>
            </a:r>
          </a:p>
          <a:p>
            <a:pPr marL="480060" marR="0" lvl="1" indent="-180023" algn="l" defTabSz="960120" rtl="0" eaLnBrk="1" fontAlgn="auto" latinLnBrk="0" hangingPunct="1">
              <a:lnSpc>
                <a:spcPct val="90000"/>
              </a:lnSpc>
              <a:spcBef>
                <a:spcPts val="525"/>
              </a:spcBef>
              <a:spcAft>
                <a:spcPts val="0"/>
              </a:spcAft>
              <a:buClr>
                <a:schemeClr val="bg1"/>
              </a:buClr>
              <a:buSzPct val="100000"/>
              <a:buFontTx/>
              <a:buBlip>
                <a:blip r:embed="rId3"/>
              </a:buBlip>
              <a:tabLst/>
              <a:defRPr/>
            </a:pPr>
            <a:r>
              <a:rPr lang="da-DK" dirty="0"/>
              <a:t>Andet niveau</a:t>
            </a:r>
          </a:p>
          <a:p>
            <a:pPr marL="660083" marR="0" lvl="1" indent="-180023" algn="l" defTabSz="960120" rtl="0" eaLnBrk="1" fontAlgn="auto" latinLnBrk="0" hangingPunct="1">
              <a:lnSpc>
                <a:spcPct val="90000"/>
              </a:lnSpc>
              <a:spcBef>
                <a:spcPts val="525"/>
              </a:spcBef>
              <a:spcAft>
                <a:spcPts val="0"/>
              </a:spcAft>
              <a:buClr>
                <a:schemeClr val="bg1"/>
              </a:buClr>
              <a:buSzPct val="100000"/>
              <a:buFontTx/>
              <a:buBlip>
                <a:blip r:embed="rId3"/>
              </a:buBlip>
              <a:tabLst/>
              <a:defRPr/>
            </a:pPr>
            <a:r>
              <a:rPr lang="da-DK" dirty="0"/>
              <a:t>Tredje niveau</a:t>
            </a:r>
          </a:p>
          <a:p>
            <a:pPr marL="960120" marR="0" lvl="2" indent="-180023" algn="l" defTabSz="960120" rtl="0" eaLnBrk="1" fontAlgn="auto" latinLnBrk="0" hangingPunct="1">
              <a:lnSpc>
                <a:spcPct val="90000"/>
              </a:lnSpc>
              <a:spcBef>
                <a:spcPts val="525"/>
              </a:spcBef>
              <a:spcAft>
                <a:spcPts val="0"/>
              </a:spcAft>
              <a:buClr>
                <a:schemeClr val="bg1"/>
              </a:buClr>
              <a:buSzPct val="100000"/>
              <a:buFontTx/>
              <a:buBlip>
                <a:blip r:embed="rId3"/>
              </a:buBlip>
              <a:tabLst/>
              <a:defRPr/>
            </a:pPr>
            <a:r>
              <a:rPr lang="da-DK" dirty="0"/>
              <a:t>Fjerde niveau</a:t>
            </a:r>
          </a:p>
          <a:p>
            <a:pPr marL="1440180" marR="0" lvl="3" indent="-180023" algn="l" defTabSz="960120" rtl="0" eaLnBrk="1" fontAlgn="auto" latinLnBrk="0" hangingPunct="1">
              <a:lnSpc>
                <a:spcPct val="90000"/>
              </a:lnSpc>
              <a:spcBef>
                <a:spcPts val="525"/>
              </a:spcBef>
              <a:spcAft>
                <a:spcPts val="0"/>
              </a:spcAft>
              <a:buClr>
                <a:schemeClr val="bg1"/>
              </a:buClr>
              <a:buSzPct val="100000"/>
              <a:buFontTx/>
              <a:buBlip>
                <a:blip r:embed="rId3"/>
              </a:buBlip>
              <a:tabLst/>
              <a:defRPr/>
            </a:pPr>
            <a:r>
              <a:rPr lang="da-DK" dirty="0"/>
              <a:t>Femte niveau</a:t>
            </a:r>
          </a:p>
        </p:txBody>
      </p:sp>
      <p:sp>
        <p:nvSpPr>
          <p:cNvPr id="7" name="Pladsholder til tekst 11">
            <a:extLst>
              <a:ext uri="{FF2B5EF4-FFF2-40B4-BE49-F238E27FC236}">
                <a16:creationId xmlns:a16="http://schemas.microsoft.com/office/drawing/2014/main" id="{4DF1DBA4-70C4-4F50-A056-764333EACF2E}"/>
              </a:ext>
            </a:extLst>
          </p:cNvPr>
          <p:cNvSpPr>
            <a:spLocks noGrp="1"/>
          </p:cNvSpPr>
          <p:nvPr>
            <p:ph type="body" sz="quarter" idx="16" hasCustomPrompt="1"/>
          </p:nvPr>
        </p:nvSpPr>
        <p:spPr>
          <a:xfrm>
            <a:off x="8678910" y="897493"/>
            <a:ext cx="7532236" cy="1670740"/>
          </a:xfrm>
          <a:prstGeom prst="rect">
            <a:avLst/>
          </a:prstGeom>
        </p:spPr>
        <p:txBody>
          <a:bodyPr anchor="b">
            <a:noAutofit/>
          </a:bodyPr>
          <a:lstStyle>
            <a:lvl1pPr marL="0" indent="0">
              <a:spcBef>
                <a:spcPts val="0"/>
              </a:spcBef>
              <a:buNone/>
              <a:defRPr sz="3675" b="1">
                <a:solidFill>
                  <a:schemeClr val="bg1"/>
                </a:solidFill>
                <a:latin typeface="+mj-lt"/>
              </a:defRPr>
            </a:lvl1pPr>
          </a:lstStyle>
          <a:p>
            <a:pPr lvl="0"/>
            <a:r>
              <a:rPr lang="da-DK" dirty="0"/>
              <a:t>Tilføj overskrift</a:t>
            </a:r>
            <a:br>
              <a:rPr lang="da-DK" dirty="0"/>
            </a:br>
            <a:r>
              <a:rPr lang="da-DK" dirty="0"/>
              <a:t>– linje nummer to</a:t>
            </a:r>
          </a:p>
        </p:txBody>
      </p:sp>
      <p:grpSp>
        <p:nvGrpSpPr>
          <p:cNvPr id="8" name="Gruppe 7">
            <a:extLst>
              <a:ext uri="{FF2B5EF4-FFF2-40B4-BE49-F238E27FC236}">
                <a16:creationId xmlns:a16="http://schemas.microsoft.com/office/drawing/2014/main" id="{BBF039DB-09C5-42A4-B871-9FDC6121CB65}"/>
              </a:ext>
            </a:extLst>
          </p:cNvPr>
          <p:cNvGrpSpPr/>
          <p:nvPr userDrawn="1"/>
        </p:nvGrpSpPr>
        <p:grpSpPr>
          <a:xfrm>
            <a:off x="1260046" y="233302"/>
            <a:ext cx="6143503" cy="551850"/>
            <a:chOff x="633332" y="243430"/>
            <a:chExt cx="4388216" cy="394179"/>
          </a:xfrm>
        </p:grpSpPr>
        <p:sp>
          <p:nvSpPr>
            <p:cNvPr id="12" name="Tekstfelt 11">
              <a:extLst>
                <a:ext uri="{FF2B5EF4-FFF2-40B4-BE49-F238E27FC236}">
                  <a16:creationId xmlns:a16="http://schemas.microsoft.com/office/drawing/2014/main" id="{F2C43909-F0AA-4C29-A784-1643889C8336}"/>
                </a:ext>
              </a:extLst>
            </p:cNvPr>
            <p:cNvSpPr txBox="1"/>
            <p:nvPr userDrawn="1"/>
          </p:nvSpPr>
          <p:spPr>
            <a:xfrm>
              <a:off x="633605" y="243430"/>
              <a:ext cx="4387943" cy="227535"/>
            </a:xfrm>
            <a:prstGeom prst="rect">
              <a:avLst/>
            </a:prstGeom>
            <a:noFill/>
          </p:spPr>
          <p:txBody>
            <a:bodyPr wrap="square">
              <a:spAutoFit/>
            </a:bodyPr>
            <a:lstStyle/>
            <a:p>
              <a:r>
                <a:rPr lang="da-DK" sz="1470" b="1" i="0" u="none" strike="noStrike" baseline="0" dirty="0">
                  <a:solidFill>
                    <a:srgbClr val="565656"/>
                  </a:solidFill>
                  <a:latin typeface="Mari Office" panose="020B0506040000020004" pitchFamily="34" charset="0"/>
                </a:rPr>
                <a:t>Center for Ejendomme og Rigshospitalet</a:t>
              </a:r>
              <a:endParaRPr lang="da-DK" sz="1155" b="1" dirty="0">
                <a:solidFill>
                  <a:schemeClr val="tx2"/>
                </a:solidFill>
                <a:latin typeface="Mari Office" panose="020B0506040000020004" pitchFamily="34" charset="0"/>
              </a:endParaRPr>
            </a:p>
          </p:txBody>
        </p:sp>
        <p:sp>
          <p:nvSpPr>
            <p:cNvPr id="14" name="Tekstfelt 13">
              <a:extLst>
                <a:ext uri="{FF2B5EF4-FFF2-40B4-BE49-F238E27FC236}">
                  <a16:creationId xmlns:a16="http://schemas.microsoft.com/office/drawing/2014/main" id="{2AFDEBD0-0C92-4BE6-80DB-7199E834F3A5}"/>
                </a:ext>
              </a:extLst>
            </p:cNvPr>
            <p:cNvSpPr txBox="1"/>
            <p:nvPr userDrawn="1"/>
          </p:nvSpPr>
          <p:spPr>
            <a:xfrm>
              <a:off x="633332" y="410074"/>
              <a:ext cx="2873259" cy="227535"/>
            </a:xfrm>
            <a:prstGeom prst="rect">
              <a:avLst/>
            </a:prstGeom>
            <a:noFill/>
          </p:spPr>
          <p:txBody>
            <a:bodyPr wrap="square">
              <a:spAutoFit/>
            </a:bodyPr>
            <a:lstStyle/>
            <a:p>
              <a:r>
                <a:rPr lang="da-DK" sz="1470" b="1" i="0" u="none" strike="noStrike" baseline="0" dirty="0">
                  <a:solidFill>
                    <a:srgbClr val="286E3C"/>
                  </a:solidFill>
                  <a:latin typeface="Mari Office" panose="020B0506040000020004" pitchFamily="34" charset="0"/>
                </a:rPr>
                <a:t>Mary Elizabeths Hospital</a:t>
              </a:r>
              <a:endParaRPr lang="da-DK" sz="1470" b="1" dirty="0">
                <a:solidFill>
                  <a:srgbClr val="286E3C"/>
                </a:solidFill>
                <a:latin typeface="Mari Office" panose="020B0506040000020004" pitchFamily="34" charset="0"/>
              </a:endParaRPr>
            </a:p>
          </p:txBody>
        </p:sp>
      </p:grpSp>
      <p:sp>
        <p:nvSpPr>
          <p:cNvPr id="9" name="Slide Number Placeholder 4">
            <a:extLst>
              <a:ext uri="{FF2B5EF4-FFF2-40B4-BE49-F238E27FC236}">
                <a16:creationId xmlns:a16="http://schemas.microsoft.com/office/drawing/2014/main" id="{779B1B9D-919B-4683-A19D-1D07A48FC2A2}"/>
              </a:ext>
            </a:extLst>
          </p:cNvPr>
          <p:cNvSpPr>
            <a:spLocks noGrp="1"/>
          </p:cNvSpPr>
          <p:nvPr>
            <p:ph type="sldNum" sz="quarter" idx="12"/>
          </p:nvPr>
        </p:nvSpPr>
        <p:spPr>
          <a:xfrm>
            <a:off x="15105347" y="8980814"/>
            <a:ext cx="962340" cy="499617"/>
          </a:xfrm>
          <a:prstGeom prst="rect">
            <a:avLst/>
          </a:prstGeom>
        </p:spPr>
        <p:txBody>
          <a:bodyPr/>
          <a:lstStyle>
            <a:lvl1pPr algn="ctr">
              <a:defRPr sz="1050" b="1">
                <a:solidFill>
                  <a:schemeClr val="bg2"/>
                </a:solidFill>
              </a:defRPr>
            </a:lvl1pPr>
          </a:lstStyle>
          <a:p>
            <a:fld id="{667EC89C-17A0-4E64-A6D2-B825673CEEDF}" type="slidenum">
              <a:rPr lang="da-DK" smtClean="0"/>
              <a:pPr/>
              <a:t>‹nr.›</a:t>
            </a:fld>
            <a:endParaRPr lang="da-DK" dirty="0"/>
          </a:p>
        </p:txBody>
      </p:sp>
    </p:spTree>
    <p:extLst>
      <p:ext uri="{BB962C8B-B14F-4D97-AF65-F5344CB8AC3E}">
        <p14:creationId xmlns:p14="http://schemas.microsoft.com/office/powerpoint/2010/main" val="4279698354"/>
      </p:ext>
    </p:extLst>
  </p:cSld>
  <p:clrMapOvr>
    <a:masterClrMapping/>
  </p:clrMapOvr>
</p:sldLayout>
</file>

<file path=ppt/slideLayouts/slideLayout14.xml><?xml version="1.0" encoding="utf-8"?>
<p:sldLayout xmlns:a="http://schemas.openxmlformats.org/drawingml/2006/main" xmlns:r="http://schemas.openxmlformats.org/officeDocument/2006/relationships" xmlns:p="http://schemas.openxmlformats.org/presentationml/2006/main" preserve="1" userDrawn="1">
  <p:cSld name="Halv 2">
    <p:bg>
      <p:bgPr>
        <a:blipFill dpi="0" rotWithShape="1">
          <a:blip r:embed="rId2">
            <a:lum/>
          </a:blip>
          <a:srcRect/>
          <a:stretch>
            <a:fillRect/>
          </a:stretch>
        </a:blipFill>
        <a:effectLst/>
      </p:bgPr>
    </p:bg>
    <p:spTree>
      <p:nvGrpSpPr>
        <p:cNvPr id="1" name=""/>
        <p:cNvGrpSpPr/>
        <p:nvPr/>
      </p:nvGrpSpPr>
      <p:grpSpPr>
        <a:xfrm>
          <a:off x="0" y="0"/>
          <a:ext cx="0" cy="0"/>
          <a:chOff x="0" y="0"/>
          <a:chExt cx="0" cy="0"/>
        </a:xfrm>
      </p:grpSpPr>
      <p:grpSp>
        <p:nvGrpSpPr>
          <p:cNvPr id="14" name="Gruppe 13">
            <a:extLst>
              <a:ext uri="{FF2B5EF4-FFF2-40B4-BE49-F238E27FC236}">
                <a16:creationId xmlns:a16="http://schemas.microsoft.com/office/drawing/2014/main" id="{C614D130-8172-46EB-AD79-23D5BD0A0286}"/>
              </a:ext>
            </a:extLst>
          </p:cNvPr>
          <p:cNvGrpSpPr/>
          <p:nvPr userDrawn="1"/>
        </p:nvGrpSpPr>
        <p:grpSpPr>
          <a:xfrm>
            <a:off x="1260046" y="233302"/>
            <a:ext cx="9041311" cy="551850"/>
            <a:chOff x="633332" y="243430"/>
            <a:chExt cx="6458079" cy="394179"/>
          </a:xfrm>
        </p:grpSpPr>
        <p:sp>
          <p:nvSpPr>
            <p:cNvPr id="15" name="Tekstfelt 14">
              <a:extLst>
                <a:ext uri="{FF2B5EF4-FFF2-40B4-BE49-F238E27FC236}">
                  <a16:creationId xmlns:a16="http://schemas.microsoft.com/office/drawing/2014/main" id="{B0C2C61C-E632-4247-8A99-A3F5E15EAFC7}"/>
                </a:ext>
              </a:extLst>
            </p:cNvPr>
            <p:cNvSpPr txBox="1"/>
            <p:nvPr userDrawn="1"/>
          </p:nvSpPr>
          <p:spPr>
            <a:xfrm>
              <a:off x="633605" y="243430"/>
              <a:ext cx="6457806" cy="227535"/>
            </a:xfrm>
            <a:prstGeom prst="rect">
              <a:avLst/>
            </a:prstGeom>
            <a:noFill/>
          </p:spPr>
          <p:txBody>
            <a:bodyPr wrap="square">
              <a:spAutoFit/>
            </a:bodyPr>
            <a:lstStyle/>
            <a:p>
              <a:r>
                <a:rPr lang="da-DK" sz="1470" b="1" i="0" u="none" strike="noStrike" baseline="0" dirty="0">
                  <a:solidFill>
                    <a:srgbClr val="565656"/>
                  </a:solidFill>
                  <a:latin typeface="Mari Office" panose="020B0506040000020004" pitchFamily="34" charset="0"/>
                </a:rPr>
                <a:t>Center for Ejendomme og Rigshospitalet</a:t>
              </a:r>
              <a:endParaRPr lang="da-DK" sz="1155" b="1" dirty="0">
                <a:solidFill>
                  <a:schemeClr val="tx2"/>
                </a:solidFill>
                <a:latin typeface="Mari Office" panose="020B0506040000020004" pitchFamily="34" charset="0"/>
              </a:endParaRPr>
            </a:p>
          </p:txBody>
        </p:sp>
        <p:sp>
          <p:nvSpPr>
            <p:cNvPr id="17" name="Tekstfelt 16">
              <a:extLst>
                <a:ext uri="{FF2B5EF4-FFF2-40B4-BE49-F238E27FC236}">
                  <a16:creationId xmlns:a16="http://schemas.microsoft.com/office/drawing/2014/main" id="{529D9121-3340-4D6F-A10A-F08BE1032ADA}"/>
                </a:ext>
              </a:extLst>
            </p:cNvPr>
            <p:cNvSpPr txBox="1"/>
            <p:nvPr userDrawn="1"/>
          </p:nvSpPr>
          <p:spPr>
            <a:xfrm>
              <a:off x="633332" y="410074"/>
              <a:ext cx="2873259" cy="227535"/>
            </a:xfrm>
            <a:prstGeom prst="rect">
              <a:avLst/>
            </a:prstGeom>
            <a:noFill/>
          </p:spPr>
          <p:txBody>
            <a:bodyPr wrap="square">
              <a:spAutoFit/>
            </a:bodyPr>
            <a:lstStyle/>
            <a:p>
              <a:r>
                <a:rPr lang="da-DK" sz="1470" b="1" i="0" u="none" strike="noStrike" baseline="0" dirty="0">
                  <a:solidFill>
                    <a:srgbClr val="286E3C"/>
                  </a:solidFill>
                  <a:latin typeface="Mari Office" panose="020B0506040000020004" pitchFamily="34" charset="0"/>
                </a:rPr>
                <a:t>Mary Elizabeths Hospital</a:t>
              </a:r>
              <a:endParaRPr lang="da-DK" sz="1470" b="1" dirty="0">
                <a:solidFill>
                  <a:srgbClr val="286E3C"/>
                </a:solidFill>
                <a:latin typeface="Mari Office" panose="020B0506040000020004" pitchFamily="34" charset="0"/>
              </a:endParaRPr>
            </a:p>
          </p:txBody>
        </p:sp>
      </p:grpSp>
      <p:sp>
        <p:nvSpPr>
          <p:cNvPr id="10" name="Pladsholder til tekst 11">
            <a:extLst>
              <a:ext uri="{FF2B5EF4-FFF2-40B4-BE49-F238E27FC236}">
                <a16:creationId xmlns:a16="http://schemas.microsoft.com/office/drawing/2014/main" id="{834AA650-C25E-482F-84EC-C622BEE0D233}"/>
              </a:ext>
            </a:extLst>
          </p:cNvPr>
          <p:cNvSpPr>
            <a:spLocks noGrp="1"/>
          </p:cNvSpPr>
          <p:nvPr>
            <p:ph type="body" sz="quarter" idx="16" hasCustomPrompt="1"/>
          </p:nvPr>
        </p:nvSpPr>
        <p:spPr>
          <a:xfrm>
            <a:off x="1260428" y="897493"/>
            <a:ext cx="7273973" cy="1670740"/>
          </a:xfrm>
          <a:prstGeom prst="rect">
            <a:avLst/>
          </a:prstGeom>
        </p:spPr>
        <p:txBody>
          <a:bodyPr anchor="b">
            <a:noAutofit/>
          </a:bodyPr>
          <a:lstStyle>
            <a:lvl1pPr marL="0" indent="0">
              <a:spcBef>
                <a:spcPts val="0"/>
              </a:spcBef>
              <a:buNone/>
              <a:defRPr sz="3675" b="1">
                <a:solidFill>
                  <a:schemeClr val="bg1"/>
                </a:solidFill>
                <a:latin typeface="+mj-lt"/>
              </a:defRPr>
            </a:lvl1pPr>
          </a:lstStyle>
          <a:p>
            <a:pPr lvl="0"/>
            <a:r>
              <a:rPr lang="da-DK" dirty="0"/>
              <a:t>Tilføj overskrift</a:t>
            </a:r>
            <a:br>
              <a:rPr lang="da-DK" dirty="0"/>
            </a:br>
            <a:r>
              <a:rPr lang="da-DK" dirty="0"/>
              <a:t>– linje nummer to</a:t>
            </a:r>
          </a:p>
        </p:txBody>
      </p:sp>
      <p:sp>
        <p:nvSpPr>
          <p:cNvPr id="11" name="Pladsholder til tekst 17">
            <a:extLst>
              <a:ext uri="{FF2B5EF4-FFF2-40B4-BE49-F238E27FC236}">
                <a16:creationId xmlns:a16="http://schemas.microsoft.com/office/drawing/2014/main" id="{F8D79F57-B50C-46EC-B1C5-1296D253478A}"/>
              </a:ext>
            </a:extLst>
          </p:cNvPr>
          <p:cNvSpPr>
            <a:spLocks noGrp="1"/>
          </p:cNvSpPr>
          <p:nvPr>
            <p:ph type="body" sz="quarter" idx="19" hasCustomPrompt="1"/>
          </p:nvPr>
        </p:nvSpPr>
        <p:spPr>
          <a:xfrm>
            <a:off x="1260046" y="2922466"/>
            <a:ext cx="7274353" cy="5478462"/>
          </a:xfrm>
          <a:prstGeom prst="rect">
            <a:avLst/>
          </a:prstGeom>
        </p:spPr>
        <p:txBody>
          <a:bodyPr/>
          <a:lstStyle>
            <a:lvl1pPr marL="300038" indent="-300038">
              <a:buSzPct val="110000"/>
              <a:buFontTx/>
              <a:buBlip>
                <a:blip r:embed="rId3"/>
              </a:buBlip>
              <a:defRPr>
                <a:solidFill>
                  <a:srgbClr val="32283C"/>
                </a:solidFill>
                <a:latin typeface="+mn-lt"/>
              </a:defRPr>
            </a:lvl1pPr>
          </a:lstStyle>
          <a:p>
            <a:pPr lvl="0"/>
            <a:r>
              <a:rPr lang="da-DK" dirty="0"/>
              <a:t>Klik for at tilføje brødtekst 15pt</a:t>
            </a:r>
          </a:p>
          <a:p>
            <a:pPr marL="480060" marR="0" lvl="1" indent="-180023" algn="l" defTabSz="960120" rtl="0" eaLnBrk="1" fontAlgn="auto" latinLnBrk="0" hangingPunct="1">
              <a:lnSpc>
                <a:spcPct val="90000"/>
              </a:lnSpc>
              <a:spcBef>
                <a:spcPts val="525"/>
              </a:spcBef>
              <a:spcAft>
                <a:spcPts val="0"/>
              </a:spcAft>
              <a:buClr>
                <a:schemeClr val="bg1"/>
              </a:buClr>
              <a:buSzPct val="100000"/>
              <a:buFontTx/>
              <a:buBlip>
                <a:blip r:embed="rId3"/>
              </a:buBlip>
              <a:tabLst/>
              <a:defRPr/>
            </a:pPr>
            <a:r>
              <a:rPr lang="da-DK" dirty="0"/>
              <a:t>Andet niveau</a:t>
            </a:r>
          </a:p>
          <a:p>
            <a:pPr marL="660083" marR="0" lvl="1" indent="-180023" algn="l" defTabSz="960120" rtl="0" eaLnBrk="1" fontAlgn="auto" latinLnBrk="0" hangingPunct="1">
              <a:lnSpc>
                <a:spcPct val="90000"/>
              </a:lnSpc>
              <a:spcBef>
                <a:spcPts val="525"/>
              </a:spcBef>
              <a:spcAft>
                <a:spcPts val="0"/>
              </a:spcAft>
              <a:buClr>
                <a:schemeClr val="bg1"/>
              </a:buClr>
              <a:buSzPct val="100000"/>
              <a:buFontTx/>
              <a:buBlip>
                <a:blip r:embed="rId3"/>
              </a:buBlip>
              <a:tabLst/>
              <a:defRPr/>
            </a:pPr>
            <a:r>
              <a:rPr lang="da-DK" dirty="0"/>
              <a:t>Tredje niveau</a:t>
            </a:r>
          </a:p>
          <a:p>
            <a:pPr marL="960120" marR="0" lvl="2" indent="-180023" algn="l" defTabSz="960120" rtl="0" eaLnBrk="1" fontAlgn="auto" latinLnBrk="0" hangingPunct="1">
              <a:lnSpc>
                <a:spcPct val="90000"/>
              </a:lnSpc>
              <a:spcBef>
                <a:spcPts val="525"/>
              </a:spcBef>
              <a:spcAft>
                <a:spcPts val="0"/>
              </a:spcAft>
              <a:buClr>
                <a:schemeClr val="bg1"/>
              </a:buClr>
              <a:buSzPct val="100000"/>
              <a:buFontTx/>
              <a:buBlip>
                <a:blip r:embed="rId3"/>
              </a:buBlip>
              <a:tabLst/>
              <a:defRPr/>
            </a:pPr>
            <a:r>
              <a:rPr lang="da-DK" dirty="0"/>
              <a:t>Fjerde niveau</a:t>
            </a:r>
          </a:p>
          <a:p>
            <a:pPr marL="1440180" marR="0" lvl="3" indent="-180023" algn="l" defTabSz="960120" rtl="0" eaLnBrk="1" fontAlgn="auto" latinLnBrk="0" hangingPunct="1">
              <a:lnSpc>
                <a:spcPct val="90000"/>
              </a:lnSpc>
              <a:spcBef>
                <a:spcPts val="525"/>
              </a:spcBef>
              <a:spcAft>
                <a:spcPts val="0"/>
              </a:spcAft>
              <a:buClr>
                <a:schemeClr val="bg1"/>
              </a:buClr>
              <a:buSzPct val="100000"/>
              <a:buFontTx/>
              <a:buBlip>
                <a:blip r:embed="rId3"/>
              </a:buBlip>
              <a:tabLst/>
              <a:defRPr/>
            </a:pPr>
            <a:r>
              <a:rPr lang="da-DK" dirty="0"/>
              <a:t>Femte niveau</a:t>
            </a:r>
          </a:p>
        </p:txBody>
      </p:sp>
      <p:sp>
        <p:nvSpPr>
          <p:cNvPr id="7" name="Slide Number Placeholder 4">
            <a:extLst>
              <a:ext uri="{FF2B5EF4-FFF2-40B4-BE49-F238E27FC236}">
                <a16:creationId xmlns:a16="http://schemas.microsoft.com/office/drawing/2014/main" id="{9D3D096D-F863-4BA6-A9DB-7DD2D58EB9AC}"/>
              </a:ext>
            </a:extLst>
          </p:cNvPr>
          <p:cNvSpPr>
            <a:spLocks noGrp="1"/>
          </p:cNvSpPr>
          <p:nvPr>
            <p:ph type="sldNum" sz="quarter" idx="12"/>
          </p:nvPr>
        </p:nvSpPr>
        <p:spPr>
          <a:xfrm>
            <a:off x="15105347" y="8980814"/>
            <a:ext cx="962340" cy="499617"/>
          </a:xfrm>
          <a:prstGeom prst="rect">
            <a:avLst/>
          </a:prstGeom>
        </p:spPr>
        <p:txBody>
          <a:bodyPr/>
          <a:lstStyle>
            <a:lvl1pPr algn="ctr">
              <a:defRPr sz="1050" b="1">
                <a:solidFill>
                  <a:schemeClr val="bg1"/>
                </a:solidFill>
              </a:defRPr>
            </a:lvl1pPr>
          </a:lstStyle>
          <a:p>
            <a:fld id="{667EC89C-17A0-4E64-A6D2-B825673CEEDF}" type="slidenum">
              <a:rPr lang="da-DK" smtClean="0"/>
              <a:pPr/>
              <a:t>‹nr.›</a:t>
            </a:fld>
            <a:endParaRPr lang="da-DK" dirty="0"/>
          </a:p>
        </p:txBody>
      </p:sp>
    </p:spTree>
    <p:extLst>
      <p:ext uri="{BB962C8B-B14F-4D97-AF65-F5344CB8AC3E}">
        <p14:creationId xmlns:p14="http://schemas.microsoft.com/office/powerpoint/2010/main" val="1170706452"/>
      </p:ext>
    </p:extLst>
  </p:cSld>
  <p:clrMapOvr>
    <a:masterClrMapping/>
  </p:clrMapOvr>
</p:sldLayout>
</file>

<file path=ppt/slideLayouts/slideLayout15.xml><?xml version="1.0" encoding="utf-8"?>
<p:sldLayout xmlns:a="http://schemas.openxmlformats.org/drawingml/2006/main" xmlns:r="http://schemas.openxmlformats.org/officeDocument/2006/relationships" xmlns:p="http://schemas.openxmlformats.org/presentationml/2006/main" preserve="1" userDrawn="1">
  <p:cSld name="Lyst foto med sort tekst">
    <p:spTree>
      <p:nvGrpSpPr>
        <p:cNvPr id="1" name=""/>
        <p:cNvGrpSpPr/>
        <p:nvPr/>
      </p:nvGrpSpPr>
      <p:grpSpPr>
        <a:xfrm>
          <a:off x="0" y="0"/>
          <a:ext cx="0" cy="0"/>
          <a:chOff x="0" y="0"/>
          <a:chExt cx="0" cy="0"/>
        </a:xfrm>
      </p:grpSpPr>
      <p:pic>
        <p:nvPicPr>
          <p:cNvPr id="9" name="Billede 8" descr="Et billede, der indeholder person, væg, indendørs, blå&#10;&#10;Automatisk genereret beskrivelse">
            <a:extLst>
              <a:ext uri="{FF2B5EF4-FFF2-40B4-BE49-F238E27FC236}">
                <a16:creationId xmlns:a16="http://schemas.microsoft.com/office/drawing/2014/main" id="{75E12DA9-4D51-4B76-B55C-395B1C16475C}"/>
              </a:ext>
            </a:extLst>
          </p:cNvPr>
          <p:cNvPicPr>
            <a:picLocks noChangeAspect="1"/>
          </p:cNvPicPr>
          <p:nvPr userDrawn="1"/>
        </p:nvPicPr>
        <p:blipFill rotWithShape="1">
          <a:blip r:embed="rId2">
            <a:extLst>
              <a:ext uri="{28A0092B-C50C-407E-A947-70E740481C1C}">
                <a14:useLocalDpi xmlns:a14="http://schemas.microsoft.com/office/drawing/2010/main" val="0"/>
              </a:ext>
            </a:extLst>
          </a:blip>
          <a:srcRect b="51557"/>
          <a:stretch/>
        </p:blipFill>
        <p:spPr>
          <a:xfrm>
            <a:off x="202" y="0"/>
            <a:ext cx="17068597" cy="9596630"/>
          </a:xfrm>
          <a:prstGeom prst="rect">
            <a:avLst/>
          </a:prstGeom>
        </p:spPr>
      </p:pic>
      <p:sp>
        <p:nvSpPr>
          <p:cNvPr id="7" name="Pladsholder til billede 6">
            <a:extLst>
              <a:ext uri="{FF2B5EF4-FFF2-40B4-BE49-F238E27FC236}">
                <a16:creationId xmlns:a16="http://schemas.microsoft.com/office/drawing/2014/main" id="{E7AED783-E7F8-413B-8F5F-83EDF9F90FD1}"/>
              </a:ext>
            </a:extLst>
          </p:cNvPr>
          <p:cNvSpPr>
            <a:spLocks noGrp="1"/>
          </p:cNvSpPr>
          <p:nvPr>
            <p:ph type="pic" sz="quarter" idx="13"/>
          </p:nvPr>
        </p:nvSpPr>
        <p:spPr>
          <a:xfrm>
            <a:off x="1" y="0"/>
            <a:ext cx="17068596" cy="9596630"/>
          </a:xfrm>
          <a:prstGeom prst="rect">
            <a:avLst/>
          </a:prstGeom>
        </p:spPr>
        <p:txBody>
          <a:bodyPr anchor="ctr"/>
          <a:lstStyle>
            <a:lvl1pPr marL="0" indent="0" algn="ctr">
              <a:buNone/>
              <a:defRPr/>
            </a:lvl1pPr>
          </a:lstStyle>
          <a:p>
            <a:r>
              <a:rPr lang="da-DK"/>
              <a:t>Klik på ikonet for at tilføje et billede</a:t>
            </a:r>
            <a:endParaRPr lang="da-DK" dirty="0"/>
          </a:p>
        </p:txBody>
      </p:sp>
      <p:sp>
        <p:nvSpPr>
          <p:cNvPr id="8" name="Pladsholder til tekst 11">
            <a:extLst>
              <a:ext uri="{FF2B5EF4-FFF2-40B4-BE49-F238E27FC236}">
                <a16:creationId xmlns:a16="http://schemas.microsoft.com/office/drawing/2014/main" id="{A2B2D519-6CA3-4DF8-A2C9-28AD746BB8DE}"/>
              </a:ext>
            </a:extLst>
          </p:cNvPr>
          <p:cNvSpPr>
            <a:spLocks noGrp="1"/>
          </p:cNvSpPr>
          <p:nvPr>
            <p:ph type="body" sz="quarter" idx="17" hasCustomPrompt="1"/>
          </p:nvPr>
        </p:nvSpPr>
        <p:spPr>
          <a:xfrm>
            <a:off x="912375" y="1024127"/>
            <a:ext cx="3888219" cy="1268088"/>
          </a:xfrm>
          <a:prstGeom prst="rect">
            <a:avLst/>
          </a:prstGeom>
        </p:spPr>
        <p:txBody>
          <a:bodyPr>
            <a:normAutofit/>
          </a:bodyPr>
          <a:lstStyle>
            <a:lvl1pPr marL="0" indent="0">
              <a:lnSpc>
                <a:spcPct val="100000"/>
              </a:lnSpc>
              <a:buNone/>
              <a:defRPr sz="945">
                <a:solidFill>
                  <a:srgbClr val="32283C"/>
                </a:solidFill>
                <a:latin typeface="+mn-lt"/>
              </a:defRPr>
            </a:lvl1pPr>
          </a:lstStyle>
          <a:p>
            <a:pPr marL="0" marR="0" lvl="0" indent="0" algn="l" defTabSz="960120" rtl="0" eaLnBrk="1" fontAlgn="auto" latinLnBrk="0" hangingPunct="1">
              <a:lnSpc>
                <a:spcPct val="100000"/>
              </a:lnSpc>
              <a:spcBef>
                <a:spcPts val="1050"/>
              </a:spcBef>
              <a:spcAft>
                <a:spcPts val="0"/>
              </a:spcAft>
              <a:buClrTx/>
              <a:buSzTx/>
              <a:buFontTx/>
              <a:buNone/>
              <a:tabLst/>
              <a:defRPr/>
            </a:pPr>
            <a:r>
              <a:rPr lang="da-DK" dirty="0"/>
              <a:t>Sort tekst på lys baggrund - klik her for at tilføje tekst</a:t>
            </a:r>
          </a:p>
        </p:txBody>
      </p:sp>
    </p:spTree>
    <p:extLst>
      <p:ext uri="{BB962C8B-B14F-4D97-AF65-F5344CB8AC3E}">
        <p14:creationId xmlns:p14="http://schemas.microsoft.com/office/powerpoint/2010/main" val="4294052759"/>
      </p:ext>
    </p:extLst>
  </p:cSld>
  <p:clrMapOvr>
    <a:masterClrMapping/>
  </p:clrMapOvr>
</p:sldLayout>
</file>

<file path=ppt/slideLayouts/slideLayout16.xml><?xml version="1.0" encoding="utf-8"?>
<p:sldLayout xmlns:a="http://schemas.openxmlformats.org/drawingml/2006/main" xmlns:r="http://schemas.openxmlformats.org/officeDocument/2006/relationships" xmlns:p="http://schemas.openxmlformats.org/presentationml/2006/main" preserve="1" userDrawn="1">
  <p:cSld name="Mørkt foto med hvid tekst">
    <p:spTree>
      <p:nvGrpSpPr>
        <p:cNvPr id="1" name=""/>
        <p:cNvGrpSpPr/>
        <p:nvPr/>
      </p:nvGrpSpPr>
      <p:grpSpPr>
        <a:xfrm>
          <a:off x="0" y="0"/>
          <a:ext cx="0" cy="0"/>
          <a:chOff x="0" y="0"/>
          <a:chExt cx="0" cy="0"/>
        </a:xfrm>
      </p:grpSpPr>
      <p:pic>
        <p:nvPicPr>
          <p:cNvPr id="6" name="Billede 5">
            <a:extLst>
              <a:ext uri="{FF2B5EF4-FFF2-40B4-BE49-F238E27FC236}">
                <a16:creationId xmlns:a16="http://schemas.microsoft.com/office/drawing/2014/main" id="{18490FCF-7AAE-4E59-AB66-738FB545D428}"/>
              </a:ext>
            </a:extLst>
          </p:cNvPr>
          <p:cNvPicPr>
            <a:picLocks noChangeAspect="1"/>
          </p:cNvPicPr>
          <p:nvPr userDrawn="1"/>
        </p:nvPicPr>
        <p:blipFill rotWithShape="1">
          <a:blip r:embed="rId2">
            <a:extLst>
              <a:ext uri="{28A0092B-C50C-407E-A947-70E740481C1C}">
                <a14:useLocalDpi xmlns:a14="http://schemas.microsoft.com/office/drawing/2010/main" val="0"/>
              </a:ext>
            </a:extLst>
          </a:blip>
          <a:srcRect t="24011" b="38489"/>
          <a:stretch/>
        </p:blipFill>
        <p:spPr>
          <a:xfrm>
            <a:off x="0" y="-18376"/>
            <a:ext cx="17068800" cy="9619576"/>
          </a:xfrm>
          <a:prstGeom prst="rect">
            <a:avLst/>
          </a:prstGeom>
        </p:spPr>
      </p:pic>
      <p:sp>
        <p:nvSpPr>
          <p:cNvPr id="11" name="Pladsholder til billede 10">
            <a:extLst>
              <a:ext uri="{FF2B5EF4-FFF2-40B4-BE49-F238E27FC236}">
                <a16:creationId xmlns:a16="http://schemas.microsoft.com/office/drawing/2014/main" id="{A307038C-4EA5-4E42-9608-FD1D94678391}"/>
              </a:ext>
            </a:extLst>
          </p:cNvPr>
          <p:cNvSpPr>
            <a:spLocks noGrp="1"/>
          </p:cNvSpPr>
          <p:nvPr>
            <p:ph type="pic" sz="quarter" idx="18"/>
          </p:nvPr>
        </p:nvSpPr>
        <p:spPr>
          <a:xfrm>
            <a:off x="0" y="-22946"/>
            <a:ext cx="17068800" cy="9619576"/>
          </a:xfrm>
          <a:prstGeom prst="rect">
            <a:avLst/>
          </a:prstGeom>
        </p:spPr>
        <p:txBody>
          <a:bodyPr anchor="ctr"/>
          <a:lstStyle>
            <a:lvl1pPr marL="0" indent="0" algn="ctr">
              <a:buNone/>
              <a:defRPr>
                <a:solidFill>
                  <a:schemeClr val="bg2"/>
                </a:solidFill>
              </a:defRPr>
            </a:lvl1pPr>
          </a:lstStyle>
          <a:p>
            <a:r>
              <a:rPr lang="da-DK"/>
              <a:t>Klik på ikonet for at tilføje et billede</a:t>
            </a:r>
            <a:endParaRPr lang="da-DK" dirty="0"/>
          </a:p>
        </p:txBody>
      </p:sp>
      <p:sp>
        <p:nvSpPr>
          <p:cNvPr id="9" name="Pladsholder til tekst 11">
            <a:extLst>
              <a:ext uri="{FF2B5EF4-FFF2-40B4-BE49-F238E27FC236}">
                <a16:creationId xmlns:a16="http://schemas.microsoft.com/office/drawing/2014/main" id="{F614D9AA-D059-4F8E-8C93-E7B20922CDF6}"/>
              </a:ext>
            </a:extLst>
          </p:cNvPr>
          <p:cNvSpPr>
            <a:spLocks noGrp="1"/>
          </p:cNvSpPr>
          <p:nvPr>
            <p:ph type="body" sz="quarter" idx="17" hasCustomPrompt="1"/>
          </p:nvPr>
        </p:nvSpPr>
        <p:spPr>
          <a:xfrm>
            <a:off x="912375" y="1024127"/>
            <a:ext cx="3888219" cy="1268088"/>
          </a:xfrm>
          <a:prstGeom prst="rect">
            <a:avLst/>
          </a:prstGeom>
        </p:spPr>
        <p:txBody>
          <a:bodyPr>
            <a:normAutofit/>
          </a:bodyPr>
          <a:lstStyle>
            <a:lvl1pPr marL="0" indent="0">
              <a:lnSpc>
                <a:spcPct val="100000"/>
              </a:lnSpc>
              <a:buNone/>
              <a:defRPr sz="945">
                <a:solidFill>
                  <a:schemeClr val="bg2"/>
                </a:solidFill>
                <a:latin typeface="+mn-lt"/>
              </a:defRPr>
            </a:lvl1pPr>
          </a:lstStyle>
          <a:p>
            <a:pPr lvl="0"/>
            <a:r>
              <a:rPr lang="da-DK" dirty="0"/>
              <a:t>Hvid tekst på mørk baggrund - klik her for at tilføje tekst</a:t>
            </a:r>
          </a:p>
        </p:txBody>
      </p:sp>
    </p:spTree>
    <p:extLst>
      <p:ext uri="{BB962C8B-B14F-4D97-AF65-F5344CB8AC3E}">
        <p14:creationId xmlns:p14="http://schemas.microsoft.com/office/powerpoint/2010/main" val="2420987324"/>
      </p:ext>
    </p:extLst>
  </p:cSld>
  <p:clrMapOvr>
    <a:masterClrMapping/>
  </p:clrMapOvr>
</p:sldLayout>
</file>

<file path=ppt/slideLayouts/slideLayout17.xml><?xml version="1.0" encoding="utf-8"?>
<p:sldLayout xmlns:a="http://schemas.openxmlformats.org/drawingml/2006/main" xmlns:r="http://schemas.openxmlformats.org/officeDocument/2006/relationships" xmlns:p="http://schemas.openxmlformats.org/presentationml/2006/main" preserve="1" userDrawn="1">
  <p:cSld name="To billeder">
    <p:spTree>
      <p:nvGrpSpPr>
        <p:cNvPr id="1" name=""/>
        <p:cNvGrpSpPr/>
        <p:nvPr/>
      </p:nvGrpSpPr>
      <p:grpSpPr>
        <a:xfrm>
          <a:off x="0" y="0"/>
          <a:ext cx="0" cy="0"/>
          <a:chOff x="0" y="0"/>
          <a:chExt cx="0" cy="0"/>
        </a:xfrm>
      </p:grpSpPr>
      <p:pic>
        <p:nvPicPr>
          <p:cNvPr id="6" name="Billede 5">
            <a:extLst>
              <a:ext uri="{FF2B5EF4-FFF2-40B4-BE49-F238E27FC236}">
                <a16:creationId xmlns:a16="http://schemas.microsoft.com/office/drawing/2014/main" id="{18490FCF-7AAE-4E59-AB66-738FB545D428}"/>
              </a:ext>
            </a:extLst>
          </p:cNvPr>
          <p:cNvPicPr>
            <a:picLocks noChangeAspect="1"/>
          </p:cNvPicPr>
          <p:nvPr userDrawn="1"/>
        </p:nvPicPr>
        <p:blipFill rotWithShape="1">
          <a:blip r:embed="rId2">
            <a:extLst>
              <a:ext uri="{28A0092B-C50C-407E-A947-70E740481C1C}">
                <a14:useLocalDpi xmlns:a14="http://schemas.microsoft.com/office/drawing/2010/main" val="0"/>
              </a:ext>
            </a:extLst>
          </a:blip>
          <a:srcRect t="23433" b="1566"/>
          <a:stretch/>
        </p:blipFill>
        <p:spPr>
          <a:xfrm>
            <a:off x="1" y="0"/>
            <a:ext cx="8305039" cy="9601200"/>
          </a:xfrm>
          <a:prstGeom prst="rect">
            <a:avLst/>
          </a:prstGeom>
        </p:spPr>
      </p:pic>
      <p:pic>
        <p:nvPicPr>
          <p:cNvPr id="7" name="Billede 6" descr="Et billede, der indeholder person, mand, kulør&#10;&#10;Automatisk genereret beskrivelse">
            <a:extLst>
              <a:ext uri="{FF2B5EF4-FFF2-40B4-BE49-F238E27FC236}">
                <a16:creationId xmlns:a16="http://schemas.microsoft.com/office/drawing/2014/main" id="{D8801B4C-082A-4292-86EE-26D5826A443D}"/>
              </a:ext>
            </a:extLst>
          </p:cNvPr>
          <p:cNvPicPr>
            <a:picLocks noChangeAspect="1"/>
          </p:cNvPicPr>
          <p:nvPr userDrawn="1"/>
        </p:nvPicPr>
        <p:blipFill rotWithShape="1">
          <a:blip r:embed="rId3">
            <a:extLst>
              <a:ext uri="{28A0092B-C50C-407E-A947-70E740481C1C}">
                <a14:useLocalDpi xmlns:a14="http://schemas.microsoft.com/office/drawing/2010/main" val="0"/>
              </a:ext>
            </a:extLst>
          </a:blip>
          <a:srcRect l="51526" t="21930" r="-1" b="8511"/>
          <a:stretch/>
        </p:blipFill>
        <p:spPr>
          <a:xfrm>
            <a:off x="8769971" y="1239139"/>
            <a:ext cx="7340723" cy="7685405"/>
          </a:xfrm>
          <a:prstGeom prst="rect">
            <a:avLst/>
          </a:prstGeom>
        </p:spPr>
      </p:pic>
      <p:sp>
        <p:nvSpPr>
          <p:cNvPr id="11" name="Pladsholder til billede 10">
            <a:extLst>
              <a:ext uri="{FF2B5EF4-FFF2-40B4-BE49-F238E27FC236}">
                <a16:creationId xmlns:a16="http://schemas.microsoft.com/office/drawing/2014/main" id="{4454C2DB-29DF-426F-9F61-789358FAD9E2}"/>
              </a:ext>
            </a:extLst>
          </p:cNvPr>
          <p:cNvSpPr>
            <a:spLocks noGrp="1"/>
          </p:cNvSpPr>
          <p:nvPr>
            <p:ph type="pic" sz="quarter" idx="17"/>
          </p:nvPr>
        </p:nvSpPr>
        <p:spPr>
          <a:xfrm>
            <a:off x="8769972" y="1239140"/>
            <a:ext cx="7340721" cy="7685405"/>
          </a:xfrm>
          <a:prstGeom prst="rect">
            <a:avLst/>
          </a:prstGeom>
        </p:spPr>
        <p:txBody>
          <a:bodyPr anchor="ctr"/>
          <a:lstStyle>
            <a:lvl1pPr marL="0" indent="0" algn="ctr">
              <a:buNone/>
              <a:defRPr/>
            </a:lvl1pPr>
          </a:lstStyle>
          <a:p>
            <a:r>
              <a:rPr lang="da-DK"/>
              <a:t>Klik på ikonet for at tilføje et billede</a:t>
            </a:r>
            <a:endParaRPr lang="da-DK" dirty="0"/>
          </a:p>
        </p:txBody>
      </p:sp>
      <p:sp>
        <p:nvSpPr>
          <p:cNvPr id="9" name="Pladsholder til billede 8">
            <a:extLst>
              <a:ext uri="{FF2B5EF4-FFF2-40B4-BE49-F238E27FC236}">
                <a16:creationId xmlns:a16="http://schemas.microsoft.com/office/drawing/2014/main" id="{9674638B-7AE2-4D37-816E-8186EC41DCE3}"/>
              </a:ext>
            </a:extLst>
          </p:cNvPr>
          <p:cNvSpPr>
            <a:spLocks noGrp="1"/>
          </p:cNvSpPr>
          <p:nvPr>
            <p:ph type="pic" sz="quarter" idx="16"/>
          </p:nvPr>
        </p:nvSpPr>
        <p:spPr>
          <a:xfrm>
            <a:off x="1" y="0"/>
            <a:ext cx="8298831" cy="9601200"/>
          </a:xfrm>
          <a:prstGeom prst="rect">
            <a:avLst/>
          </a:prstGeom>
        </p:spPr>
        <p:txBody>
          <a:bodyPr anchor="ctr"/>
          <a:lstStyle>
            <a:lvl1pPr marL="0" indent="0" algn="ctr">
              <a:buNone/>
              <a:defRPr>
                <a:solidFill>
                  <a:schemeClr val="bg2"/>
                </a:solidFill>
              </a:defRPr>
            </a:lvl1pPr>
          </a:lstStyle>
          <a:p>
            <a:r>
              <a:rPr lang="da-DK"/>
              <a:t>Klik på ikonet for at tilføje et billede</a:t>
            </a:r>
            <a:endParaRPr lang="da-DK" dirty="0"/>
          </a:p>
        </p:txBody>
      </p:sp>
      <p:sp>
        <p:nvSpPr>
          <p:cNvPr id="8" name="Slide Number Placeholder 4">
            <a:extLst>
              <a:ext uri="{FF2B5EF4-FFF2-40B4-BE49-F238E27FC236}">
                <a16:creationId xmlns:a16="http://schemas.microsoft.com/office/drawing/2014/main" id="{F35D072A-69B5-4ACF-8175-2D1991C1A295}"/>
              </a:ext>
            </a:extLst>
          </p:cNvPr>
          <p:cNvSpPr>
            <a:spLocks noGrp="1"/>
          </p:cNvSpPr>
          <p:nvPr>
            <p:ph type="sldNum" sz="quarter" idx="12"/>
          </p:nvPr>
        </p:nvSpPr>
        <p:spPr>
          <a:xfrm>
            <a:off x="15105347" y="8980814"/>
            <a:ext cx="962340" cy="499617"/>
          </a:xfrm>
          <a:prstGeom prst="rect">
            <a:avLst/>
          </a:prstGeom>
        </p:spPr>
        <p:txBody>
          <a:bodyPr/>
          <a:lstStyle>
            <a:lvl1pPr algn="ctr">
              <a:defRPr sz="1050" b="1">
                <a:solidFill>
                  <a:schemeClr val="bg1"/>
                </a:solidFill>
              </a:defRPr>
            </a:lvl1pPr>
          </a:lstStyle>
          <a:p>
            <a:fld id="{667EC89C-17A0-4E64-A6D2-B825673CEEDF}" type="slidenum">
              <a:rPr lang="da-DK" smtClean="0"/>
              <a:pPr/>
              <a:t>‹nr.›</a:t>
            </a:fld>
            <a:endParaRPr lang="da-DK" dirty="0"/>
          </a:p>
        </p:txBody>
      </p:sp>
    </p:spTree>
    <p:extLst>
      <p:ext uri="{BB962C8B-B14F-4D97-AF65-F5344CB8AC3E}">
        <p14:creationId xmlns:p14="http://schemas.microsoft.com/office/powerpoint/2010/main" val="3926184933"/>
      </p:ext>
    </p:extLst>
  </p:cSld>
  <p:clrMapOvr>
    <a:masterClrMapping/>
  </p:clrMapOvr>
</p:sldLayout>
</file>

<file path=ppt/slideLayouts/slideLayout18.xml><?xml version="1.0" encoding="utf-8"?>
<p:sldLayout xmlns:a="http://schemas.openxmlformats.org/drawingml/2006/main" xmlns:r="http://schemas.openxmlformats.org/officeDocument/2006/relationships" xmlns:p="http://schemas.openxmlformats.org/presentationml/2006/main" preserve="1" userDrawn="1">
  <p:cSld name="Fire billeder">
    <p:spTree>
      <p:nvGrpSpPr>
        <p:cNvPr id="1" name=""/>
        <p:cNvGrpSpPr/>
        <p:nvPr/>
      </p:nvGrpSpPr>
      <p:grpSpPr>
        <a:xfrm>
          <a:off x="0" y="0"/>
          <a:ext cx="0" cy="0"/>
          <a:chOff x="0" y="0"/>
          <a:chExt cx="0" cy="0"/>
        </a:xfrm>
      </p:grpSpPr>
      <p:pic>
        <p:nvPicPr>
          <p:cNvPr id="7" name="Billede 6">
            <a:extLst>
              <a:ext uri="{FF2B5EF4-FFF2-40B4-BE49-F238E27FC236}">
                <a16:creationId xmlns:a16="http://schemas.microsoft.com/office/drawing/2014/main" id="{240D7591-1DB2-46B6-9E6C-658F2DC978D3}"/>
              </a:ext>
            </a:extLst>
          </p:cNvPr>
          <p:cNvPicPr>
            <a:picLocks noChangeAspect="1"/>
          </p:cNvPicPr>
          <p:nvPr userDrawn="1"/>
        </p:nvPicPr>
        <p:blipFill rotWithShape="1">
          <a:blip r:embed="rId2">
            <a:extLst>
              <a:ext uri="{28A0092B-C50C-407E-A947-70E740481C1C}">
                <a14:useLocalDpi xmlns:a14="http://schemas.microsoft.com/office/drawing/2010/main" val="0"/>
              </a:ext>
            </a:extLst>
          </a:blip>
          <a:srcRect t="2802" b="53448"/>
          <a:stretch/>
        </p:blipFill>
        <p:spPr>
          <a:xfrm>
            <a:off x="1056391" y="1095462"/>
            <a:ext cx="7251315" cy="3611794"/>
          </a:xfrm>
          <a:prstGeom prst="rect">
            <a:avLst/>
          </a:prstGeom>
        </p:spPr>
      </p:pic>
      <p:pic>
        <p:nvPicPr>
          <p:cNvPr id="8" name="Billede 7">
            <a:extLst>
              <a:ext uri="{FF2B5EF4-FFF2-40B4-BE49-F238E27FC236}">
                <a16:creationId xmlns:a16="http://schemas.microsoft.com/office/drawing/2014/main" id="{4745F2A5-F338-4F2D-AD58-107D2B13F938}"/>
              </a:ext>
            </a:extLst>
          </p:cNvPr>
          <p:cNvPicPr>
            <a:picLocks noChangeAspect="1"/>
          </p:cNvPicPr>
          <p:nvPr userDrawn="1"/>
        </p:nvPicPr>
        <p:blipFill>
          <a:blip r:embed="rId3">
            <a:extLst>
              <a:ext uri="{28A0092B-C50C-407E-A947-70E740481C1C}">
                <a14:useLocalDpi xmlns:a14="http://schemas.microsoft.com/office/drawing/2010/main" val="0"/>
              </a:ext>
            </a:extLst>
          </a:blip>
          <a:srcRect t="33593" b="33593"/>
          <a:stretch/>
        </p:blipFill>
        <p:spPr>
          <a:xfrm>
            <a:off x="1078945" y="5252821"/>
            <a:ext cx="7228760" cy="3618986"/>
          </a:xfrm>
          <a:prstGeom prst="rect">
            <a:avLst/>
          </a:prstGeom>
        </p:spPr>
      </p:pic>
      <p:pic>
        <p:nvPicPr>
          <p:cNvPr id="9" name="Billede 8">
            <a:extLst>
              <a:ext uri="{FF2B5EF4-FFF2-40B4-BE49-F238E27FC236}">
                <a16:creationId xmlns:a16="http://schemas.microsoft.com/office/drawing/2014/main" id="{58FF6B4C-4081-448D-9A4F-FAC96A33F15D}"/>
              </a:ext>
            </a:extLst>
          </p:cNvPr>
          <p:cNvPicPr>
            <a:picLocks noChangeAspect="1"/>
          </p:cNvPicPr>
          <p:nvPr userDrawn="1"/>
        </p:nvPicPr>
        <p:blipFill rotWithShape="1">
          <a:blip r:embed="rId4">
            <a:extLst>
              <a:ext uri="{28A0092B-C50C-407E-A947-70E740481C1C}">
                <a14:useLocalDpi xmlns:a14="http://schemas.microsoft.com/office/drawing/2010/main" val="0"/>
              </a:ext>
            </a:extLst>
          </a:blip>
          <a:srcRect l="50495" t="45014" b="22651"/>
          <a:stretch/>
        </p:blipFill>
        <p:spPr>
          <a:xfrm>
            <a:off x="8783651" y="1095460"/>
            <a:ext cx="7228760" cy="3611794"/>
          </a:xfrm>
          <a:prstGeom prst="rect">
            <a:avLst/>
          </a:prstGeom>
        </p:spPr>
      </p:pic>
      <p:pic>
        <p:nvPicPr>
          <p:cNvPr id="10" name="Billede 9" descr="Et billede, der indeholder person, indendørs, væg, seng&#10;&#10;Automatisk genereret beskrivelse">
            <a:extLst>
              <a:ext uri="{FF2B5EF4-FFF2-40B4-BE49-F238E27FC236}">
                <a16:creationId xmlns:a16="http://schemas.microsoft.com/office/drawing/2014/main" id="{51CD246A-EA0E-4038-ACF1-BC64154EFD8C}"/>
              </a:ext>
            </a:extLst>
          </p:cNvPr>
          <p:cNvPicPr>
            <a:picLocks noChangeAspect="1"/>
          </p:cNvPicPr>
          <p:nvPr userDrawn="1"/>
        </p:nvPicPr>
        <p:blipFill rotWithShape="1">
          <a:blip r:embed="rId5">
            <a:extLst>
              <a:ext uri="{28A0092B-C50C-407E-A947-70E740481C1C}">
                <a14:useLocalDpi xmlns:a14="http://schemas.microsoft.com/office/drawing/2010/main" val="0"/>
              </a:ext>
            </a:extLst>
          </a:blip>
          <a:srcRect r="813" b="19877"/>
          <a:stretch/>
        </p:blipFill>
        <p:spPr>
          <a:xfrm>
            <a:off x="8782832" y="5252822"/>
            <a:ext cx="7228760" cy="3611793"/>
          </a:xfrm>
          <a:prstGeom prst="rect">
            <a:avLst/>
          </a:prstGeom>
        </p:spPr>
      </p:pic>
      <p:sp>
        <p:nvSpPr>
          <p:cNvPr id="6" name="Pladsholder til billede 5">
            <a:extLst>
              <a:ext uri="{FF2B5EF4-FFF2-40B4-BE49-F238E27FC236}">
                <a16:creationId xmlns:a16="http://schemas.microsoft.com/office/drawing/2014/main" id="{5B4FBABF-1FBC-4E7C-B13A-C076633B2C5C}"/>
              </a:ext>
            </a:extLst>
          </p:cNvPr>
          <p:cNvSpPr>
            <a:spLocks noGrp="1"/>
          </p:cNvSpPr>
          <p:nvPr>
            <p:ph type="pic" sz="quarter" idx="16"/>
          </p:nvPr>
        </p:nvSpPr>
        <p:spPr>
          <a:xfrm>
            <a:off x="1078945" y="1081778"/>
            <a:ext cx="7228760" cy="3611794"/>
          </a:xfrm>
          <a:prstGeom prst="rect">
            <a:avLst/>
          </a:prstGeom>
        </p:spPr>
        <p:txBody>
          <a:bodyPr anchor="ctr"/>
          <a:lstStyle>
            <a:lvl1pPr marL="0" indent="0" algn="ctr">
              <a:buNone/>
              <a:defRPr/>
            </a:lvl1pPr>
          </a:lstStyle>
          <a:p>
            <a:r>
              <a:rPr lang="da-DK"/>
              <a:t>Klik på ikonet for at tilføje et billede</a:t>
            </a:r>
            <a:endParaRPr lang="da-DK" dirty="0"/>
          </a:p>
        </p:txBody>
      </p:sp>
      <p:sp>
        <p:nvSpPr>
          <p:cNvPr id="15" name="Pladsholder til billede 5">
            <a:extLst>
              <a:ext uri="{FF2B5EF4-FFF2-40B4-BE49-F238E27FC236}">
                <a16:creationId xmlns:a16="http://schemas.microsoft.com/office/drawing/2014/main" id="{6C95446B-FAFD-4844-A92F-BEB7A6E5266F}"/>
              </a:ext>
            </a:extLst>
          </p:cNvPr>
          <p:cNvSpPr>
            <a:spLocks noGrp="1"/>
          </p:cNvSpPr>
          <p:nvPr>
            <p:ph type="pic" sz="quarter" idx="20"/>
          </p:nvPr>
        </p:nvSpPr>
        <p:spPr>
          <a:xfrm>
            <a:off x="8782832" y="1081779"/>
            <a:ext cx="7228760" cy="3611794"/>
          </a:xfrm>
          <a:prstGeom prst="rect">
            <a:avLst/>
          </a:prstGeom>
        </p:spPr>
        <p:txBody>
          <a:bodyPr anchor="ctr"/>
          <a:lstStyle>
            <a:lvl1pPr marL="0" indent="0" algn="ctr">
              <a:buNone/>
              <a:defRPr/>
            </a:lvl1pPr>
          </a:lstStyle>
          <a:p>
            <a:r>
              <a:rPr lang="da-DK"/>
              <a:t>Klik på ikonet for at tilføje et billede</a:t>
            </a:r>
            <a:endParaRPr lang="da-DK" dirty="0"/>
          </a:p>
        </p:txBody>
      </p:sp>
      <p:sp>
        <p:nvSpPr>
          <p:cNvPr id="17" name="Pladsholder til billede 5">
            <a:extLst>
              <a:ext uri="{FF2B5EF4-FFF2-40B4-BE49-F238E27FC236}">
                <a16:creationId xmlns:a16="http://schemas.microsoft.com/office/drawing/2014/main" id="{A89D90B3-E7BB-4251-9858-514A157B5193}"/>
              </a:ext>
            </a:extLst>
          </p:cNvPr>
          <p:cNvSpPr>
            <a:spLocks noGrp="1"/>
          </p:cNvSpPr>
          <p:nvPr>
            <p:ph type="pic" sz="quarter" idx="21"/>
          </p:nvPr>
        </p:nvSpPr>
        <p:spPr>
          <a:xfrm>
            <a:off x="1078945" y="5239138"/>
            <a:ext cx="7228760" cy="3611794"/>
          </a:xfrm>
          <a:prstGeom prst="rect">
            <a:avLst/>
          </a:prstGeom>
        </p:spPr>
        <p:txBody>
          <a:bodyPr anchor="ctr"/>
          <a:lstStyle>
            <a:lvl1pPr marL="0" indent="0" algn="ctr">
              <a:buNone/>
              <a:defRPr>
                <a:solidFill>
                  <a:schemeClr val="bg2"/>
                </a:solidFill>
              </a:defRPr>
            </a:lvl1pPr>
          </a:lstStyle>
          <a:p>
            <a:r>
              <a:rPr lang="da-DK"/>
              <a:t>Klik på ikonet for at tilføje et billede</a:t>
            </a:r>
            <a:endParaRPr lang="da-DK" dirty="0"/>
          </a:p>
        </p:txBody>
      </p:sp>
      <p:sp>
        <p:nvSpPr>
          <p:cNvPr id="18" name="Pladsholder til billede 5">
            <a:extLst>
              <a:ext uri="{FF2B5EF4-FFF2-40B4-BE49-F238E27FC236}">
                <a16:creationId xmlns:a16="http://schemas.microsoft.com/office/drawing/2014/main" id="{9DEC5275-9715-4243-B1C9-B4F234430D8B}"/>
              </a:ext>
            </a:extLst>
          </p:cNvPr>
          <p:cNvSpPr>
            <a:spLocks noGrp="1"/>
          </p:cNvSpPr>
          <p:nvPr>
            <p:ph type="pic" sz="quarter" idx="22"/>
          </p:nvPr>
        </p:nvSpPr>
        <p:spPr>
          <a:xfrm>
            <a:off x="8782832" y="5252820"/>
            <a:ext cx="7228760" cy="3611794"/>
          </a:xfrm>
          <a:prstGeom prst="rect">
            <a:avLst/>
          </a:prstGeom>
        </p:spPr>
        <p:txBody>
          <a:bodyPr anchor="ctr"/>
          <a:lstStyle>
            <a:lvl1pPr marL="0" indent="0" algn="ctr">
              <a:buNone/>
              <a:defRPr>
                <a:solidFill>
                  <a:schemeClr val="bg2"/>
                </a:solidFill>
              </a:defRPr>
            </a:lvl1pPr>
          </a:lstStyle>
          <a:p>
            <a:r>
              <a:rPr lang="da-DK"/>
              <a:t>Klik på ikonet for at tilføje et billede</a:t>
            </a:r>
            <a:endParaRPr lang="da-DK" dirty="0"/>
          </a:p>
        </p:txBody>
      </p:sp>
      <p:sp>
        <p:nvSpPr>
          <p:cNvPr id="11" name="Slide Number Placeholder 4">
            <a:extLst>
              <a:ext uri="{FF2B5EF4-FFF2-40B4-BE49-F238E27FC236}">
                <a16:creationId xmlns:a16="http://schemas.microsoft.com/office/drawing/2014/main" id="{E6B04620-2AC0-4B6D-9762-F4C017BAF1E6}"/>
              </a:ext>
            </a:extLst>
          </p:cNvPr>
          <p:cNvSpPr>
            <a:spLocks noGrp="1"/>
          </p:cNvSpPr>
          <p:nvPr>
            <p:ph type="sldNum" sz="quarter" idx="12"/>
          </p:nvPr>
        </p:nvSpPr>
        <p:spPr>
          <a:xfrm>
            <a:off x="15105347" y="8980814"/>
            <a:ext cx="962340" cy="499617"/>
          </a:xfrm>
          <a:prstGeom prst="rect">
            <a:avLst/>
          </a:prstGeom>
        </p:spPr>
        <p:txBody>
          <a:bodyPr/>
          <a:lstStyle>
            <a:lvl1pPr algn="ctr">
              <a:defRPr sz="1050" b="1">
                <a:solidFill>
                  <a:schemeClr val="bg1"/>
                </a:solidFill>
              </a:defRPr>
            </a:lvl1pPr>
          </a:lstStyle>
          <a:p>
            <a:fld id="{667EC89C-17A0-4E64-A6D2-B825673CEEDF}" type="slidenum">
              <a:rPr lang="da-DK" smtClean="0"/>
              <a:pPr/>
              <a:t>‹nr.›</a:t>
            </a:fld>
            <a:endParaRPr lang="da-DK" dirty="0"/>
          </a:p>
        </p:txBody>
      </p:sp>
    </p:spTree>
    <p:extLst>
      <p:ext uri="{BB962C8B-B14F-4D97-AF65-F5344CB8AC3E}">
        <p14:creationId xmlns:p14="http://schemas.microsoft.com/office/powerpoint/2010/main" val="4018321561"/>
      </p:ext>
    </p:extLst>
  </p:cSld>
  <p:clrMapOvr>
    <a:masterClrMapping/>
  </p:clrMapOvr>
</p:sldLayout>
</file>

<file path=ppt/slideLayouts/slideLayout19.xml><?xml version="1.0" encoding="utf-8"?>
<p:sldLayout xmlns:a="http://schemas.openxmlformats.org/drawingml/2006/main" xmlns:r="http://schemas.openxmlformats.org/officeDocument/2006/relationships" xmlns:p="http://schemas.openxmlformats.org/presentationml/2006/main" preserve="1" userDrawn="1">
  <p:cSld name="Slut side">
    <p:bg>
      <p:bgPr>
        <a:blipFill dpi="0" rotWithShape="1">
          <a:blip r:embed="rId2">
            <a:lum/>
          </a:blip>
          <a:srcRect/>
          <a:stretch>
            <a:fillRect/>
          </a:stretch>
        </a:blipFill>
        <a:effectLst/>
      </p:bgPr>
    </p:bg>
    <p:spTree>
      <p:nvGrpSpPr>
        <p:cNvPr id="1" name=""/>
        <p:cNvGrpSpPr/>
        <p:nvPr/>
      </p:nvGrpSpPr>
      <p:grpSpPr>
        <a:xfrm>
          <a:off x="0" y="0"/>
          <a:ext cx="0" cy="0"/>
          <a:chOff x="0" y="0"/>
          <a:chExt cx="0" cy="0"/>
        </a:xfrm>
      </p:grpSpPr>
      <p:grpSp>
        <p:nvGrpSpPr>
          <p:cNvPr id="4" name="Gruppe 3">
            <a:extLst>
              <a:ext uri="{FF2B5EF4-FFF2-40B4-BE49-F238E27FC236}">
                <a16:creationId xmlns:a16="http://schemas.microsoft.com/office/drawing/2014/main" id="{CF2DE6DF-B02F-4B0F-9392-144A172FAA1C}"/>
              </a:ext>
            </a:extLst>
          </p:cNvPr>
          <p:cNvGrpSpPr/>
          <p:nvPr userDrawn="1"/>
        </p:nvGrpSpPr>
        <p:grpSpPr>
          <a:xfrm>
            <a:off x="1260045" y="233302"/>
            <a:ext cx="4022563" cy="551850"/>
            <a:chOff x="633332" y="243430"/>
            <a:chExt cx="2873259" cy="394179"/>
          </a:xfrm>
        </p:grpSpPr>
        <p:sp>
          <p:nvSpPr>
            <p:cNvPr id="5" name="Tekstfelt 4">
              <a:extLst>
                <a:ext uri="{FF2B5EF4-FFF2-40B4-BE49-F238E27FC236}">
                  <a16:creationId xmlns:a16="http://schemas.microsoft.com/office/drawing/2014/main" id="{3420B9DC-87A5-4B8E-BEBA-87A45F898950}"/>
                </a:ext>
              </a:extLst>
            </p:cNvPr>
            <p:cNvSpPr txBox="1"/>
            <p:nvPr userDrawn="1"/>
          </p:nvSpPr>
          <p:spPr>
            <a:xfrm>
              <a:off x="633605" y="243430"/>
              <a:ext cx="2004495" cy="227535"/>
            </a:xfrm>
            <a:prstGeom prst="rect">
              <a:avLst/>
            </a:prstGeom>
            <a:noFill/>
          </p:spPr>
          <p:txBody>
            <a:bodyPr wrap="square">
              <a:spAutoFit/>
            </a:bodyPr>
            <a:lstStyle/>
            <a:p>
              <a:pPr marL="0" marR="0" lvl="0" indent="0" algn="l" defTabSz="960120" rtl="0" eaLnBrk="1" fontAlgn="auto" latinLnBrk="0" hangingPunct="1">
                <a:lnSpc>
                  <a:spcPct val="100000"/>
                </a:lnSpc>
                <a:spcBef>
                  <a:spcPts val="0"/>
                </a:spcBef>
                <a:spcAft>
                  <a:spcPts val="0"/>
                </a:spcAft>
                <a:buClrTx/>
                <a:buSzTx/>
                <a:buFontTx/>
                <a:buNone/>
                <a:tabLst/>
                <a:defRPr/>
              </a:pPr>
              <a:r>
                <a:rPr lang="da-DK" sz="1470" i="0" u="none" strike="noStrike" baseline="0" dirty="0">
                  <a:solidFill>
                    <a:srgbClr val="286E3C"/>
                  </a:solidFill>
                  <a:latin typeface="Mari" panose="020B0506040000020004" pitchFamily="34" charset="0"/>
                </a:rPr>
                <a:t>Mary Elizabeths Hospital</a:t>
              </a:r>
              <a:endParaRPr lang="da-DK" sz="1470" dirty="0">
                <a:solidFill>
                  <a:srgbClr val="286E3C"/>
                </a:solidFill>
                <a:latin typeface="Mari" panose="020B0506040000020004" pitchFamily="34" charset="0"/>
              </a:endParaRPr>
            </a:p>
          </p:txBody>
        </p:sp>
        <p:sp>
          <p:nvSpPr>
            <p:cNvPr id="6" name="Tekstfelt 5">
              <a:extLst>
                <a:ext uri="{FF2B5EF4-FFF2-40B4-BE49-F238E27FC236}">
                  <a16:creationId xmlns:a16="http://schemas.microsoft.com/office/drawing/2014/main" id="{E3CC069C-5DF0-4486-ABDA-ECC51F5528DD}"/>
                </a:ext>
              </a:extLst>
            </p:cNvPr>
            <p:cNvSpPr txBox="1"/>
            <p:nvPr userDrawn="1"/>
          </p:nvSpPr>
          <p:spPr>
            <a:xfrm>
              <a:off x="633332" y="410074"/>
              <a:ext cx="2873259" cy="227535"/>
            </a:xfrm>
            <a:prstGeom prst="rect">
              <a:avLst/>
            </a:prstGeom>
            <a:noFill/>
          </p:spPr>
          <p:txBody>
            <a:bodyPr wrap="square">
              <a:spAutoFit/>
            </a:bodyPr>
            <a:lstStyle/>
            <a:p>
              <a:r>
                <a:rPr lang="da-DK" sz="1470" i="0" u="none" strike="noStrike" baseline="0" dirty="0">
                  <a:solidFill>
                    <a:srgbClr val="286E3C"/>
                  </a:solidFill>
                  <a:latin typeface="Mari Book" panose="020B0000000000000000" pitchFamily="34" charset="0"/>
                </a:rPr>
                <a:t>Riget for børn, unge og gravide</a:t>
              </a:r>
              <a:endParaRPr lang="da-DK" sz="1470" dirty="0">
                <a:solidFill>
                  <a:srgbClr val="286E3C"/>
                </a:solidFill>
                <a:latin typeface="Mari Book" panose="020B0000000000000000" pitchFamily="34" charset="0"/>
              </a:endParaRPr>
            </a:p>
          </p:txBody>
        </p:sp>
      </p:grpSp>
    </p:spTree>
    <p:extLst>
      <p:ext uri="{BB962C8B-B14F-4D97-AF65-F5344CB8AC3E}">
        <p14:creationId xmlns:p14="http://schemas.microsoft.com/office/powerpoint/2010/main" val="1765981756"/>
      </p:ext>
    </p:extLst>
  </p:cSld>
  <p:clrMapOvr>
    <a:overrideClrMapping bg1="dk1" tx1="lt1" bg2="dk2" tx2="lt2" accent1="accent1" accent2="accent2" accent3="accent3" accent4="accent4" accent5="accent5" accent6="accent6" hlink="hlink" folHlink="folHlink"/>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preserve="1" userDrawn="1">
  <p:cSld name="Forside + foto">
    <p:bg>
      <p:bgRef idx="1001">
        <a:schemeClr val="bg2"/>
      </p:bgRef>
    </p:bg>
    <p:spTree>
      <p:nvGrpSpPr>
        <p:cNvPr id="1" name=""/>
        <p:cNvGrpSpPr/>
        <p:nvPr/>
      </p:nvGrpSpPr>
      <p:grpSpPr>
        <a:xfrm>
          <a:off x="0" y="0"/>
          <a:ext cx="0" cy="0"/>
          <a:chOff x="0" y="0"/>
          <a:chExt cx="0" cy="0"/>
        </a:xfrm>
      </p:grpSpPr>
      <p:pic>
        <p:nvPicPr>
          <p:cNvPr id="44" name="Billede 43" descr="Et billede, der indeholder person, indendørs, væg, seng&#10;&#10;Automatisk genereret beskrivelse">
            <a:extLst>
              <a:ext uri="{FF2B5EF4-FFF2-40B4-BE49-F238E27FC236}">
                <a16:creationId xmlns:a16="http://schemas.microsoft.com/office/drawing/2014/main" id="{CF8F8066-0528-44A5-8F06-9D33543A79ED}"/>
              </a:ext>
            </a:extLst>
          </p:cNvPr>
          <p:cNvPicPr>
            <a:picLocks noChangeAspect="1"/>
          </p:cNvPicPr>
          <p:nvPr userDrawn="1"/>
        </p:nvPicPr>
        <p:blipFill rotWithShape="1">
          <a:blip r:embed="rId2">
            <a:extLst>
              <a:ext uri="{28A0092B-C50C-407E-A947-70E740481C1C}">
                <a14:useLocalDpi xmlns:a14="http://schemas.microsoft.com/office/drawing/2010/main" val="0"/>
              </a:ext>
            </a:extLst>
          </a:blip>
          <a:srcRect l="19237" t="12780" r="38167" b="6449"/>
          <a:stretch/>
        </p:blipFill>
        <p:spPr>
          <a:xfrm>
            <a:off x="12607613" y="1"/>
            <a:ext cx="4461183" cy="9601200"/>
          </a:xfrm>
          <a:prstGeom prst="rect">
            <a:avLst/>
          </a:prstGeom>
        </p:spPr>
      </p:pic>
      <p:sp>
        <p:nvSpPr>
          <p:cNvPr id="43" name="Pladsholder til billede 12">
            <a:extLst>
              <a:ext uri="{FF2B5EF4-FFF2-40B4-BE49-F238E27FC236}">
                <a16:creationId xmlns:a16="http://schemas.microsoft.com/office/drawing/2014/main" id="{9D0A3E25-5BD3-450C-AD26-2E6329160D5D}"/>
              </a:ext>
            </a:extLst>
          </p:cNvPr>
          <p:cNvSpPr>
            <a:spLocks noGrp="1"/>
          </p:cNvSpPr>
          <p:nvPr>
            <p:ph type="pic" sz="quarter" idx="14"/>
          </p:nvPr>
        </p:nvSpPr>
        <p:spPr>
          <a:xfrm>
            <a:off x="13267905" y="0"/>
            <a:ext cx="3800896" cy="9601200"/>
          </a:xfrm>
          <a:prstGeom prst="rect">
            <a:avLst/>
          </a:prstGeom>
        </p:spPr>
        <p:txBody>
          <a:bodyPr anchor="ctr"/>
          <a:lstStyle>
            <a:lvl1pPr marL="0" indent="0" algn="ctr">
              <a:buNone/>
              <a:defRPr>
                <a:solidFill>
                  <a:schemeClr val="tx2"/>
                </a:solidFill>
              </a:defRPr>
            </a:lvl1pPr>
          </a:lstStyle>
          <a:p>
            <a:r>
              <a:rPr lang="da-DK"/>
              <a:t>Klik på ikonet for at tilføje et billede</a:t>
            </a:r>
            <a:endParaRPr lang="da-DK" dirty="0"/>
          </a:p>
        </p:txBody>
      </p:sp>
      <p:grpSp>
        <p:nvGrpSpPr>
          <p:cNvPr id="57" name="Gruppe 56">
            <a:extLst>
              <a:ext uri="{FF2B5EF4-FFF2-40B4-BE49-F238E27FC236}">
                <a16:creationId xmlns:a16="http://schemas.microsoft.com/office/drawing/2014/main" id="{8911A26C-065E-4A08-960E-5F1BB6A23EB4}"/>
              </a:ext>
            </a:extLst>
          </p:cNvPr>
          <p:cNvGrpSpPr/>
          <p:nvPr userDrawn="1"/>
        </p:nvGrpSpPr>
        <p:grpSpPr>
          <a:xfrm>
            <a:off x="1260046" y="233302"/>
            <a:ext cx="5825449" cy="551850"/>
            <a:chOff x="633332" y="243430"/>
            <a:chExt cx="4161035" cy="394179"/>
          </a:xfrm>
        </p:grpSpPr>
        <p:sp>
          <p:nvSpPr>
            <p:cNvPr id="58" name="Tekstfelt 57">
              <a:extLst>
                <a:ext uri="{FF2B5EF4-FFF2-40B4-BE49-F238E27FC236}">
                  <a16:creationId xmlns:a16="http://schemas.microsoft.com/office/drawing/2014/main" id="{C5EA307D-D8BC-4F85-B3AA-74F25AD4BA45}"/>
                </a:ext>
              </a:extLst>
            </p:cNvPr>
            <p:cNvSpPr txBox="1"/>
            <p:nvPr userDrawn="1"/>
          </p:nvSpPr>
          <p:spPr>
            <a:xfrm>
              <a:off x="633604" y="243430"/>
              <a:ext cx="4160763" cy="227535"/>
            </a:xfrm>
            <a:prstGeom prst="rect">
              <a:avLst/>
            </a:prstGeom>
            <a:noFill/>
          </p:spPr>
          <p:txBody>
            <a:bodyPr wrap="square">
              <a:spAutoFit/>
            </a:bodyPr>
            <a:lstStyle/>
            <a:p>
              <a:r>
                <a:rPr lang="da-DK" sz="1470" b="1" i="0" u="none" strike="noStrike" baseline="0" dirty="0">
                  <a:solidFill>
                    <a:srgbClr val="565656"/>
                  </a:solidFill>
                  <a:latin typeface="Mari Office" panose="020B0506040000020004" pitchFamily="34" charset="0"/>
                </a:rPr>
                <a:t>Center for Ejendomme og Rigshospitalet</a:t>
              </a:r>
              <a:endParaRPr lang="da-DK" sz="1155" b="1" dirty="0">
                <a:solidFill>
                  <a:schemeClr val="tx2"/>
                </a:solidFill>
                <a:latin typeface="Mari Office" panose="020B0506040000020004" pitchFamily="34" charset="0"/>
              </a:endParaRPr>
            </a:p>
          </p:txBody>
        </p:sp>
        <p:sp>
          <p:nvSpPr>
            <p:cNvPr id="59" name="Tekstfelt 58">
              <a:extLst>
                <a:ext uri="{FF2B5EF4-FFF2-40B4-BE49-F238E27FC236}">
                  <a16:creationId xmlns:a16="http://schemas.microsoft.com/office/drawing/2014/main" id="{8932EF0D-2095-484E-A2DF-4FC584ECA033}"/>
                </a:ext>
              </a:extLst>
            </p:cNvPr>
            <p:cNvSpPr txBox="1"/>
            <p:nvPr userDrawn="1"/>
          </p:nvSpPr>
          <p:spPr>
            <a:xfrm>
              <a:off x="633332" y="410074"/>
              <a:ext cx="2873259" cy="227535"/>
            </a:xfrm>
            <a:prstGeom prst="rect">
              <a:avLst/>
            </a:prstGeom>
            <a:noFill/>
          </p:spPr>
          <p:txBody>
            <a:bodyPr wrap="square">
              <a:spAutoFit/>
            </a:bodyPr>
            <a:lstStyle/>
            <a:p>
              <a:r>
                <a:rPr lang="da-DK" sz="1470" b="1" i="0" u="none" strike="noStrike" baseline="0" dirty="0">
                  <a:solidFill>
                    <a:srgbClr val="286E3C"/>
                  </a:solidFill>
                  <a:latin typeface="Mari Office" panose="020B0506040000020004" pitchFamily="34" charset="0"/>
                </a:rPr>
                <a:t>Mary Elizabeths Hospital</a:t>
              </a:r>
              <a:endParaRPr lang="da-DK" sz="1470" b="1" dirty="0">
                <a:solidFill>
                  <a:srgbClr val="286E3C"/>
                </a:solidFill>
                <a:latin typeface="Mari Office" panose="020B0506040000020004" pitchFamily="34" charset="0"/>
              </a:endParaRPr>
            </a:p>
          </p:txBody>
        </p:sp>
      </p:grpSp>
      <p:pic>
        <p:nvPicPr>
          <p:cNvPr id="21" name="Billede 20">
            <a:extLst>
              <a:ext uri="{FF2B5EF4-FFF2-40B4-BE49-F238E27FC236}">
                <a16:creationId xmlns:a16="http://schemas.microsoft.com/office/drawing/2014/main" id="{C808E948-BE09-406A-B5F2-F24FD4D6E5EE}"/>
              </a:ext>
            </a:extLst>
          </p:cNvPr>
          <p:cNvPicPr>
            <a:picLocks noChangeAspect="1"/>
          </p:cNvPicPr>
          <p:nvPr userDrawn="1"/>
        </p:nvPicPr>
        <p:blipFill>
          <a:blip r:embed="rId3">
            <a:extLst>
              <a:ext uri="{28A0092B-C50C-407E-A947-70E740481C1C}">
                <a14:useLocalDpi xmlns:a14="http://schemas.microsoft.com/office/drawing/2010/main" val="0"/>
              </a:ext>
            </a:extLst>
          </a:blip>
          <a:stretch>
            <a:fillRect/>
          </a:stretch>
        </p:blipFill>
        <p:spPr>
          <a:xfrm>
            <a:off x="0" y="8640351"/>
            <a:ext cx="938725" cy="938725"/>
          </a:xfrm>
          <a:prstGeom prst="rect">
            <a:avLst/>
          </a:prstGeom>
        </p:spPr>
      </p:pic>
      <p:grpSp>
        <p:nvGrpSpPr>
          <p:cNvPr id="24" name="Gruppe 23">
            <a:extLst>
              <a:ext uri="{FF2B5EF4-FFF2-40B4-BE49-F238E27FC236}">
                <a16:creationId xmlns:a16="http://schemas.microsoft.com/office/drawing/2014/main" id="{007BE9A6-7BEA-495A-86B2-9834A33310CF}"/>
              </a:ext>
            </a:extLst>
          </p:cNvPr>
          <p:cNvGrpSpPr/>
          <p:nvPr userDrawn="1"/>
        </p:nvGrpSpPr>
        <p:grpSpPr>
          <a:xfrm>
            <a:off x="5741031" y="6783432"/>
            <a:ext cx="8918133" cy="3666653"/>
            <a:chOff x="4312731" y="4840847"/>
            <a:chExt cx="6370095" cy="2619038"/>
          </a:xfrm>
        </p:grpSpPr>
        <p:sp>
          <p:nvSpPr>
            <p:cNvPr id="25" name="object 10">
              <a:extLst>
                <a:ext uri="{FF2B5EF4-FFF2-40B4-BE49-F238E27FC236}">
                  <a16:creationId xmlns:a16="http://schemas.microsoft.com/office/drawing/2014/main" id="{0CEBBFFA-D1C5-4ADC-89A3-31E2F97CF3AB}"/>
                </a:ext>
              </a:extLst>
            </p:cNvPr>
            <p:cNvSpPr/>
            <p:nvPr userDrawn="1"/>
          </p:nvSpPr>
          <p:spPr>
            <a:xfrm rot="21270986">
              <a:off x="7762097" y="4840847"/>
              <a:ext cx="1126986" cy="1775186"/>
            </a:xfrm>
            <a:custGeom>
              <a:avLst/>
              <a:gdLst/>
              <a:ahLst/>
              <a:cxnLst/>
              <a:rect l="l" t="t" r="r" b="b"/>
              <a:pathLst>
                <a:path w="558800" h="880110">
                  <a:moveTo>
                    <a:pt x="251483" y="0"/>
                  </a:moveTo>
                  <a:lnTo>
                    <a:pt x="188244" y="54892"/>
                  </a:lnTo>
                  <a:lnTo>
                    <a:pt x="160709" y="91102"/>
                  </a:lnTo>
                  <a:lnTo>
                    <a:pt x="163067" y="124750"/>
                  </a:lnTo>
                  <a:lnTo>
                    <a:pt x="189510" y="171959"/>
                  </a:lnTo>
                  <a:lnTo>
                    <a:pt x="222215" y="226461"/>
                  </a:lnTo>
                  <a:lnTo>
                    <a:pt x="248053" y="270048"/>
                  </a:lnTo>
                  <a:lnTo>
                    <a:pt x="268254" y="300795"/>
                  </a:lnTo>
                  <a:lnTo>
                    <a:pt x="284049" y="316780"/>
                  </a:lnTo>
                  <a:lnTo>
                    <a:pt x="287330" y="410723"/>
                  </a:lnTo>
                  <a:lnTo>
                    <a:pt x="260590" y="348663"/>
                  </a:lnTo>
                  <a:lnTo>
                    <a:pt x="235292" y="300927"/>
                  </a:lnTo>
                  <a:lnTo>
                    <a:pt x="195686" y="274797"/>
                  </a:lnTo>
                  <a:lnTo>
                    <a:pt x="144231" y="245279"/>
                  </a:lnTo>
                  <a:lnTo>
                    <a:pt x="88650" y="219811"/>
                  </a:lnTo>
                  <a:lnTo>
                    <a:pt x="46896" y="213533"/>
                  </a:lnTo>
                  <a:lnTo>
                    <a:pt x="32333" y="234142"/>
                  </a:lnTo>
                  <a:lnTo>
                    <a:pt x="32539" y="274681"/>
                  </a:lnTo>
                  <a:lnTo>
                    <a:pt x="44006" y="323400"/>
                  </a:lnTo>
                  <a:lnTo>
                    <a:pt x="63223" y="368548"/>
                  </a:lnTo>
                  <a:lnTo>
                    <a:pt x="134370" y="421529"/>
                  </a:lnTo>
                  <a:lnTo>
                    <a:pt x="199568" y="442865"/>
                  </a:lnTo>
                  <a:lnTo>
                    <a:pt x="257128" y="458508"/>
                  </a:lnTo>
                  <a:lnTo>
                    <a:pt x="281902" y="464584"/>
                  </a:lnTo>
                  <a:lnTo>
                    <a:pt x="283274" y="553933"/>
                  </a:lnTo>
                  <a:lnTo>
                    <a:pt x="243158" y="508090"/>
                  </a:lnTo>
                  <a:lnTo>
                    <a:pt x="202450" y="471113"/>
                  </a:lnTo>
                  <a:lnTo>
                    <a:pt x="158815" y="452734"/>
                  </a:lnTo>
                  <a:lnTo>
                    <a:pt x="109122" y="435527"/>
                  </a:lnTo>
                  <a:lnTo>
                    <a:pt x="85070" y="435178"/>
                  </a:lnTo>
                  <a:lnTo>
                    <a:pt x="62484" y="438521"/>
                  </a:lnTo>
                  <a:lnTo>
                    <a:pt x="43325" y="440583"/>
                  </a:lnTo>
                  <a:lnTo>
                    <a:pt x="30038" y="441628"/>
                  </a:lnTo>
                  <a:lnTo>
                    <a:pt x="25066" y="441918"/>
                  </a:lnTo>
                  <a:lnTo>
                    <a:pt x="31073" y="513138"/>
                  </a:lnTo>
                  <a:lnTo>
                    <a:pt x="39351" y="551138"/>
                  </a:lnTo>
                  <a:lnTo>
                    <a:pt x="85308" y="578806"/>
                  </a:lnTo>
                  <a:lnTo>
                    <a:pt x="135035" y="591471"/>
                  </a:lnTo>
                  <a:lnTo>
                    <a:pt x="194535" y="605550"/>
                  </a:lnTo>
                  <a:lnTo>
                    <a:pt x="265380" y="621692"/>
                  </a:lnTo>
                  <a:lnTo>
                    <a:pt x="258163" y="690583"/>
                  </a:lnTo>
                  <a:lnTo>
                    <a:pt x="221140" y="648929"/>
                  </a:lnTo>
                  <a:lnTo>
                    <a:pt x="178832" y="617962"/>
                  </a:lnTo>
                  <a:lnTo>
                    <a:pt x="114564" y="608842"/>
                  </a:lnTo>
                  <a:lnTo>
                    <a:pt x="67183" y="602500"/>
                  </a:lnTo>
                  <a:lnTo>
                    <a:pt x="25495" y="600834"/>
                  </a:lnTo>
                  <a:lnTo>
                    <a:pt x="3116" y="609345"/>
                  </a:lnTo>
                  <a:lnTo>
                    <a:pt x="0" y="636273"/>
                  </a:lnTo>
                  <a:lnTo>
                    <a:pt x="7082" y="675895"/>
                  </a:lnTo>
                  <a:lnTo>
                    <a:pt x="24320" y="712900"/>
                  </a:lnTo>
                  <a:lnTo>
                    <a:pt x="51668" y="731977"/>
                  </a:lnTo>
                  <a:lnTo>
                    <a:pt x="96089" y="739954"/>
                  </a:lnTo>
                  <a:lnTo>
                    <a:pt x="206581" y="761410"/>
                  </a:lnTo>
                  <a:lnTo>
                    <a:pt x="238957" y="766870"/>
                  </a:lnTo>
                  <a:lnTo>
                    <a:pt x="220884" y="875963"/>
                  </a:lnTo>
                  <a:lnTo>
                    <a:pt x="257805" y="879900"/>
                  </a:lnTo>
                  <a:lnTo>
                    <a:pt x="264034" y="833748"/>
                  </a:lnTo>
                  <a:lnTo>
                    <a:pt x="268273" y="808615"/>
                  </a:lnTo>
                  <a:lnTo>
                    <a:pt x="272467" y="795729"/>
                  </a:lnTo>
                  <a:lnTo>
                    <a:pt x="278562" y="786315"/>
                  </a:lnTo>
                  <a:lnTo>
                    <a:pt x="286746" y="773268"/>
                  </a:lnTo>
                  <a:lnTo>
                    <a:pt x="294689" y="758348"/>
                  </a:lnTo>
                  <a:lnTo>
                    <a:pt x="300697" y="746079"/>
                  </a:lnTo>
                  <a:lnTo>
                    <a:pt x="303077" y="740984"/>
                  </a:lnTo>
                  <a:lnTo>
                    <a:pt x="370277" y="748594"/>
                  </a:lnTo>
                  <a:lnTo>
                    <a:pt x="409888" y="748410"/>
                  </a:lnTo>
                  <a:lnTo>
                    <a:pt x="468296" y="714859"/>
                  </a:lnTo>
                  <a:lnTo>
                    <a:pt x="501929" y="671218"/>
                  </a:lnTo>
                  <a:lnTo>
                    <a:pt x="526839" y="614638"/>
                  </a:lnTo>
                  <a:lnTo>
                    <a:pt x="542310" y="565641"/>
                  </a:lnTo>
                  <a:lnTo>
                    <a:pt x="547626" y="544748"/>
                  </a:lnTo>
                  <a:lnTo>
                    <a:pt x="533959" y="534732"/>
                  </a:lnTo>
                  <a:lnTo>
                    <a:pt x="521941" y="530604"/>
                  </a:lnTo>
                  <a:lnTo>
                    <a:pt x="504857" y="531655"/>
                  </a:lnTo>
                  <a:lnTo>
                    <a:pt x="435138" y="548713"/>
                  </a:lnTo>
                  <a:lnTo>
                    <a:pt x="392926" y="565207"/>
                  </a:lnTo>
                  <a:lnTo>
                    <a:pt x="342562" y="595030"/>
                  </a:lnTo>
                  <a:lnTo>
                    <a:pt x="333583" y="610786"/>
                  </a:lnTo>
                  <a:lnTo>
                    <a:pt x="319353" y="633352"/>
                  </a:lnTo>
                  <a:lnTo>
                    <a:pt x="300393" y="662370"/>
                  </a:lnTo>
                  <a:lnTo>
                    <a:pt x="307192" y="597773"/>
                  </a:lnTo>
                  <a:lnTo>
                    <a:pt x="398566" y="552959"/>
                  </a:lnTo>
                  <a:lnTo>
                    <a:pt x="448136" y="528017"/>
                  </a:lnTo>
                  <a:lnTo>
                    <a:pt x="490664" y="501743"/>
                  </a:lnTo>
                  <a:lnTo>
                    <a:pt x="528062" y="456718"/>
                  </a:lnTo>
                  <a:lnTo>
                    <a:pt x="539766" y="419401"/>
                  </a:lnTo>
                  <a:lnTo>
                    <a:pt x="541840" y="370044"/>
                  </a:lnTo>
                  <a:lnTo>
                    <a:pt x="480667" y="356474"/>
                  </a:lnTo>
                  <a:lnTo>
                    <a:pt x="446339" y="351845"/>
                  </a:lnTo>
                  <a:lnTo>
                    <a:pt x="426316" y="356062"/>
                  </a:lnTo>
                  <a:lnTo>
                    <a:pt x="381787" y="399039"/>
                  </a:lnTo>
                  <a:lnTo>
                    <a:pt x="352031" y="442552"/>
                  </a:lnTo>
                  <a:lnTo>
                    <a:pt x="327666" y="481736"/>
                  </a:lnTo>
                  <a:lnTo>
                    <a:pt x="317571" y="498761"/>
                  </a:lnTo>
                  <a:lnTo>
                    <a:pt x="328426" y="354119"/>
                  </a:lnTo>
                  <a:lnTo>
                    <a:pt x="440084" y="335390"/>
                  </a:lnTo>
                  <a:lnTo>
                    <a:pt x="484014" y="317029"/>
                  </a:lnTo>
                  <a:lnTo>
                    <a:pt x="518350" y="295875"/>
                  </a:lnTo>
                  <a:lnTo>
                    <a:pt x="535231" y="258197"/>
                  </a:lnTo>
                  <a:lnTo>
                    <a:pt x="548968" y="221153"/>
                  </a:lnTo>
                  <a:lnTo>
                    <a:pt x="558321" y="182834"/>
                  </a:lnTo>
                  <a:lnTo>
                    <a:pt x="555797" y="153887"/>
                  </a:lnTo>
                  <a:lnTo>
                    <a:pt x="526159" y="149946"/>
                  </a:lnTo>
                  <a:lnTo>
                    <a:pt x="475260" y="168261"/>
                  </a:lnTo>
                  <a:lnTo>
                    <a:pt x="427113" y="191766"/>
                  </a:lnTo>
                  <a:lnTo>
                    <a:pt x="405728" y="203393"/>
                  </a:lnTo>
                  <a:lnTo>
                    <a:pt x="340892" y="277056"/>
                  </a:lnTo>
                  <a:lnTo>
                    <a:pt x="351102" y="173133"/>
                  </a:lnTo>
                  <a:lnTo>
                    <a:pt x="352113" y="115571"/>
                  </a:lnTo>
                  <a:lnTo>
                    <a:pt x="317929" y="57021"/>
                  </a:lnTo>
                  <a:lnTo>
                    <a:pt x="289932" y="30673"/>
                  </a:lnTo>
                  <a:lnTo>
                    <a:pt x="255993" y="3096"/>
                  </a:lnTo>
                  <a:lnTo>
                    <a:pt x="251483" y="0"/>
                  </a:lnTo>
                  <a:close/>
                </a:path>
              </a:pathLst>
            </a:custGeom>
            <a:solidFill>
              <a:schemeClr val="accent2">
                <a:lumMod val="60000"/>
                <a:lumOff val="40000"/>
              </a:schemeClr>
            </a:solidFill>
            <a:ln w="3175">
              <a:noFill/>
            </a:ln>
          </p:spPr>
          <p:txBody>
            <a:bodyPr wrap="square" lIns="0" tIns="0" rIns="0" bIns="0" rtlCol="0"/>
            <a:lstStyle/>
            <a:p>
              <a:endParaRPr sz="2223">
                <a:solidFill>
                  <a:schemeClr val="bg1"/>
                </a:solidFill>
              </a:endParaRPr>
            </a:p>
          </p:txBody>
        </p:sp>
        <p:sp>
          <p:nvSpPr>
            <p:cNvPr id="26" name="object 4">
              <a:extLst>
                <a:ext uri="{FF2B5EF4-FFF2-40B4-BE49-F238E27FC236}">
                  <a16:creationId xmlns:a16="http://schemas.microsoft.com/office/drawing/2014/main" id="{CB68C076-059D-4BDB-80AF-5A3506C51094}"/>
                </a:ext>
              </a:extLst>
            </p:cNvPr>
            <p:cNvSpPr/>
            <p:nvPr userDrawn="1"/>
          </p:nvSpPr>
          <p:spPr>
            <a:xfrm>
              <a:off x="7568978" y="6135924"/>
              <a:ext cx="2187802" cy="1013441"/>
            </a:xfrm>
            <a:custGeom>
              <a:avLst/>
              <a:gdLst/>
              <a:ahLst/>
              <a:cxnLst/>
              <a:rect l="l" t="t" r="r" b="b"/>
              <a:pathLst>
                <a:path w="1177925" h="647700">
                  <a:moveTo>
                    <a:pt x="665073" y="0"/>
                  </a:moveTo>
                  <a:lnTo>
                    <a:pt x="624169" y="6305"/>
                  </a:lnTo>
                  <a:lnTo>
                    <a:pt x="586832" y="21368"/>
                  </a:lnTo>
                  <a:lnTo>
                    <a:pt x="553365" y="43834"/>
                  </a:lnTo>
                  <a:lnTo>
                    <a:pt x="524069" y="72350"/>
                  </a:lnTo>
                  <a:lnTo>
                    <a:pt x="499236" y="105611"/>
                  </a:lnTo>
                  <a:lnTo>
                    <a:pt x="479156" y="142226"/>
                  </a:lnTo>
                  <a:lnTo>
                    <a:pt x="464131" y="180854"/>
                  </a:lnTo>
                  <a:lnTo>
                    <a:pt x="454462" y="220154"/>
                  </a:lnTo>
                  <a:lnTo>
                    <a:pt x="427793" y="197974"/>
                  </a:lnTo>
                  <a:lnTo>
                    <a:pt x="395756" y="183315"/>
                  </a:lnTo>
                  <a:lnTo>
                    <a:pt x="368840" y="175220"/>
                  </a:lnTo>
                  <a:lnTo>
                    <a:pt x="357537" y="172735"/>
                  </a:lnTo>
                  <a:lnTo>
                    <a:pt x="300481" y="177927"/>
                  </a:lnTo>
                  <a:lnTo>
                    <a:pt x="250250" y="209112"/>
                  </a:lnTo>
                  <a:lnTo>
                    <a:pt x="233891" y="249499"/>
                  </a:lnTo>
                  <a:lnTo>
                    <a:pt x="216578" y="308243"/>
                  </a:lnTo>
                  <a:lnTo>
                    <a:pt x="215488" y="338468"/>
                  </a:lnTo>
                  <a:lnTo>
                    <a:pt x="223512" y="369448"/>
                  </a:lnTo>
                  <a:lnTo>
                    <a:pt x="185822" y="371148"/>
                  </a:lnTo>
                  <a:lnTo>
                    <a:pt x="144541" y="377098"/>
                  </a:lnTo>
                  <a:lnTo>
                    <a:pt x="97599" y="386447"/>
                  </a:lnTo>
                  <a:lnTo>
                    <a:pt x="31209" y="433171"/>
                  </a:lnTo>
                  <a:lnTo>
                    <a:pt x="1077" y="466336"/>
                  </a:lnTo>
                  <a:lnTo>
                    <a:pt x="0" y="501770"/>
                  </a:lnTo>
                  <a:lnTo>
                    <a:pt x="20775" y="555305"/>
                  </a:lnTo>
                  <a:lnTo>
                    <a:pt x="50409" y="597437"/>
                  </a:lnTo>
                  <a:lnTo>
                    <a:pt x="85977" y="620062"/>
                  </a:lnTo>
                  <a:lnTo>
                    <a:pt x="123996" y="634407"/>
                  </a:lnTo>
                  <a:lnTo>
                    <a:pt x="148239" y="637677"/>
                  </a:lnTo>
                  <a:lnTo>
                    <a:pt x="148716" y="638750"/>
                  </a:lnTo>
                  <a:lnTo>
                    <a:pt x="200391" y="641206"/>
                  </a:lnTo>
                  <a:lnTo>
                    <a:pt x="252463" y="641263"/>
                  </a:lnTo>
                  <a:lnTo>
                    <a:pt x="304569" y="640034"/>
                  </a:lnTo>
                  <a:lnTo>
                    <a:pt x="356344" y="638631"/>
                  </a:lnTo>
                  <a:lnTo>
                    <a:pt x="406866" y="641294"/>
                  </a:lnTo>
                  <a:lnTo>
                    <a:pt x="457624" y="643339"/>
                  </a:lnTo>
                  <a:lnTo>
                    <a:pt x="508548" y="644852"/>
                  </a:lnTo>
                  <a:lnTo>
                    <a:pt x="559569" y="645922"/>
                  </a:lnTo>
                  <a:lnTo>
                    <a:pt x="610619" y="646636"/>
                  </a:lnTo>
                  <a:lnTo>
                    <a:pt x="661627" y="647083"/>
                  </a:lnTo>
                  <a:lnTo>
                    <a:pt x="813711" y="647697"/>
                  </a:lnTo>
                  <a:lnTo>
                    <a:pt x="856025" y="646789"/>
                  </a:lnTo>
                  <a:lnTo>
                    <a:pt x="902823" y="643917"/>
                  </a:lnTo>
                  <a:lnTo>
                    <a:pt x="956325" y="639466"/>
                  </a:lnTo>
                  <a:lnTo>
                    <a:pt x="1003364" y="631036"/>
                  </a:lnTo>
                  <a:lnTo>
                    <a:pt x="1048326" y="619517"/>
                  </a:lnTo>
                  <a:lnTo>
                    <a:pt x="1100822" y="595239"/>
                  </a:lnTo>
                  <a:lnTo>
                    <a:pt x="1147806" y="545130"/>
                  </a:lnTo>
                  <a:lnTo>
                    <a:pt x="1165266" y="502205"/>
                  </a:lnTo>
                  <a:lnTo>
                    <a:pt x="1177851" y="450567"/>
                  </a:lnTo>
                  <a:lnTo>
                    <a:pt x="1169732" y="402377"/>
                  </a:lnTo>
                  <a:lnTo>
                    <a:pt x="1156647" y="355005"/>
                  </a:lnTo>
                  <a:lnTo>
                    <a:pt x="1130563" y="315847"/>
                  </a:lnTo>
                  <a:lnTo>
                    <a:pt x="1093336" y="291525"/>
                  </a:lnTo>
                  <a:lnTo>
                    <a:pt x="1039640" y="281712"/>
                  </a:lnTo>
                  <a:lnTo>
                    <a:pt x="1006592" y="285481"/>
                  </a:lnTo>
                  <a:lnTo>
                    <a:pt x="974685" y="295759"/>
                  </a:lnTo>
                  <a:lnTo>
                    <a:pt x="945529" y="312009"/>
                  </a:lnTo>
                  <a:lnTo>
                    <a:pt x="946599" y="257500"/>
                  </a:lnTo>
                  <a:lnTo>
                    <a:pt x="942131" y="203112"/>
                  </a:lnTo>
                  <a:lnTo>
                    <a:pt x="930168" y="151183"/>
                  </a:lnTo>
                  <a:lnTo>
                    <a:pt x="908751" y="104052"/>
                  </a:lnTo>
                  <a:lnTo>
                    <a:pt x="875922" y="64059"/>
                  </a:lnTo>
                  <a:lnTo>
                    <a:pt x="841677" y="40488"/>
                  </a:lnTo>
                  <a:lnTo>
                    <a:pt x="800054" y="22864"/>
                  </a:lnTo>
                  <a:lnTo>
                    <a:pt x="754469" y="10618"/>
                  </a:lnTo>
                  <a:lnTo>
                    <a:pt x="708336" y="3186"/>
                  </a:lnTo>
                  <a:lnTo>
                    <a:pt x="665073" y="0"/>
                  </a:lnTo>
                  <a:close/>
                </a:path>
              </a:pathLst>
            </a:custGeom>
            <a:solidFill>
              <a:schemeClr val="accent3">
                <a:lumMod val="75000"/>
              </a:schemeClr>
            </a:solidFill>
            <a:ln w="3175">
              <a:noFill/>
            </a:ln>
          </p:spPr>
          <p:txBody>
            <a:bodyPr wrap="square" lIns="0" tIns="0" rIns="0" bIns="0" rtlCol="0"/>
            <a:lstStyle/>
            <a:p>
              <a:endParaRPr sz="2223" dirty="0">
                <a:solidFill>
                  <a:schemeClr val="bg1"/>
                </a:solidFill>
              </a:endParaRPr>
            </a:p>
          </p:txBody>
        </p:sp>
        <p:sp>
          <p:nvSpPr>
            <p:cNvPr id="27" name="object 4">
              <a:extLst>
                <a:ext uri="{FF2B5EF4-FFF2-40B4-BE49-F238E27FC236}">
                  <a16:creationId xmlns:a16="http://schemas.microsoft.com/office/drawing/2014/main" id="{330DEA23-4940-4165-B46A-8200A0DA7B7E}"/>
                </a:ext>
              </a:extLst>
            </p:cNvPr>
            <p:cNvSpPr/>
            <p:nvPr userDrawn="1"/>
          </p:nvSpPr>
          <p:spPr>
            <a:xfrm>
              <a:off x="4312731" y="5549008"/>
              <a:ext cx="2663620" cy="1416735"/>
            </a:xfrm>
            <a:custGeom>
              <a:avLst/>
              <a:gdLst/>
              <a:ahLst/>
              <a:cxnLst/>
              <a:rect l="l" t="t" r="r" b="b"/>
              <a:pathLst>
                <a:path w="1177925" h="647700">
                  <a:moveTo>
                    <a:pt x="665073" y="0"/>
                  </a:moveTo>
                  <a:lnTo>
                    <a:pt x="624169" y="6305"/>
                  </a:lnTo>
                  <a:lnTo>
                    <a:pt x="586832" y="21368"/>
                  </a:lnTo>
                  <a:lnTo>
                    <a:pt x="553365" y="43834"/>
                  </a:lnTo>
                  <a:lnTo>
                    <a:pt x="524069" y="72350"/>
                  </a:lnTo>
                  <a:lnTo>
                    <a:pt x="499236" y="105611"/>
                  </a:lnTo>
                  <a:lnTo>
                    <a:pt x="479156" y="142226"/>
                  </a:lnTo>
                  <a:lnTo>
                    <a:pt x="464131" y="180854"/>
                  </a:lnTo>
                  <a:lnTo>
                    <a:pt x="454462" y="220154"/>
                  </a:lnTo>
                  <a:lnTo>
                    <a:pt x="427793" y="197974"/>
                  </a:lnTo>
                  <a:lnTo>
                    <a:pt x="395756" y="183315"/>
                  </a:lnTo>
                  <a:lnTo>
                    <a:pt x="368840" y="175220"/>
                  </a:lnTo>
                  <a:lnTo>
                    <a:pt x="357537" y="172735"/>
                  </a:lnTo>
                  <a:lnTo>
                    <a:pt x="300481" y="177927"/>
                  </a:lnTo>
                  <a:lnTo>
                    <a:pt x="250250" y="209112"/>
                  </a:lnTo>
                  <a:lnTo>
                    <a:pt x="233891" y="249499"/>
                  </a:lnTo>
                  <a:lnTo>
                    <a:pt x="216578" y="308243"/>
                  </a:lnTo>
                  <a:lnTo>
                    <a:pt x="215488" y="338468"/>
                  </a:lnTo>
                  <a:lnTo>
                    <a:pt x="223512" y="369448"/>
                  </a:lnTo>
                  <a:lnTo>
                    <a:pt x="185822" y="371148"/>
                  </a:lnTo>
                  <a:lnTo>
                    <a:pt x="144541" y="377098"/>
                  </a:lnTo>
                  <a:lnTo>
                    <a:pt x="97599" y="386447"/>
                  </a:lnTo>
                  <a:lnTo>
                    <a:pt x="31209" y="433171"/>
                  </a:lnTo>
                  <a:lnTo>
                    <a:pt x="1077" y="466336"/>
                  </a:lnTo>
                  <a:lnTo>
                    <a:pt x="0" y="501770"/>
                  </a:lnTo>
                  <a:lnTo>
                    <a:pt x="20775" y="555305"/>
                  </a:lnTo>
                  <a:lnTo>
                    <a:pt x="50409" y="597437"/>
                  </a:lnTo>
                  <a:lnTo>
                    <a:pt x="85977" y="620062"/>
                  </a:lnTo>
                  <a:lnTo>
                    <a:pt x="123996" y="634407"/>
                  </a:lnTo>
                  <a:lnTo>
                    <a:pt x="148239" y="637677"/>
                  </a:lnTo>
                  <a:lnTo>
                    <a:pt x="148716" y="638750"/>
                  </a:lnTo>
                  <a:lnTo>
                    <a:pt x="200391" y="641206"/>
                  </a:lnTo>
                  <a:lnTo>
                    <a:pt x="252463" y="641263"/>
                  </a:lnTo>
                  <a:lnTo>
                    <a:pt x="304569" y="640034"/>
                  </a:lnTo>
                  <a:lnTo>
                    <a:pt x="356344" y="638631"/>
                  </a:lnTo>
                  <a:lnTo>
                    <a:pt x="406866" y="641294"/>
                  </a:lnTo>
                  <a:lnTo>
                    <a:pt x="457624" y="643339"/>
                  </a:lnTo>
                  <a:lnTo>
                    <a:pt x="508548" y="644852"/>
                  </a:lnTo>
                  <a:lnTo>
                    <a:pt x="559569" y="645922"/>
                  </a:lnTo>
                  <a:lnTo>
                    <a:pt x="610619" y="646636"/>
                  </a:lnTo>
                  <a:lnTo>
                    <a:pt x="661627" y="647083"/>
                  </a:lnTo>
                  <a:lnTo>
                    <a:pt x="813711" y="647697"/>
                  </a:lnTo>
                  <a:lnTo>
                    <a:pt x="856025" y="646789"/>
                  </a:lnTo>
                  <a:lnTo>
                    <a:pt x="902823" y="643917"/>
                  </a:lnTo>
                  <a:lnTo>
                    <a:pt x="956325" y="639466"/>
                  </a:lnTo>
                  <a:lnTo>
                    <a:pt x="1003364" y="631036"/>
                  </a:lnTo>
                  <a:lnTo>
                    <a:pt x="1048326" y="619517"/>
                  </a:lnTo>
                  <a:lnTo>
                    <a:pt x="1100822" y="595239"/>
                  </a:lnTo>
                  <a:lnTo>
                    <a:pt x="1147806" y="545130"/>
                  </a:lnTo>
                  <a:lnTo>
                    <a:pt x="1165266" y="502205"/>
                  </a:lnTo>
                  <a:lnTo>
                    <a:pt x="1177851" y="450567"/>
                  </a:lnTo>
                  <a:lnTo>
                    <a:pt x="1169732" y="402377"/>
                  </a:lnTo>
                  <a:lnTo>
                    <a:pt x="1156647" y="355005"/>
                  </a:lnTo>
                  <a:lnTo>
                    <a:pt x="1130563" y="315847"/>
                  </a:lnTo>
                  <a:lnTo>
                    <a:pt x="1093336" y="291525"/>
                  </a:lnTo>
                  <a:lnTo>
                    <a:pt x="1039640" y="281712"/>
                  </a:lnTo>
                  <a:lnTo>
                    <a:pt x="1006592" y="285481"/>
                  </a:lnTo>
                  <a:lnTo>
                    <a:pt x="974685" y="295759"/>
                  </a:lnTo>
                  <a:lnTo>
                    <a:pt x="945529" y="312009"/>
                  </a:lnTo>
                  <a:lnTo>
                    <a:pt x="946599" y="257500"/>
                  </a:lnTo>
                  <a:lnTo>
                    <a:pt x="942131" y="203112"/>
                  </a:lnTo>
                  <a:lnTo>
                    <a:pt x="930168" y="151183"/>
                  </a:lnTo>
                  <a:lnTo>
                    <a:pt x="908751" y="104052"/>
                  </a:lnTo>
                  <a:lnTo>
                    <a:pt x="875922" y="64059"/>
                  </a:lnTo>
                  <a:lnTo>
                    <a:pt x="841677" y="40488"/>
                  </a:lnTo>
                  <a:lnTo>
                    <a:pt x="800054" y="22864"/>
                  </a:lnTo>
                  <a:lnTo>
                    <a:pt x="754469" y="10618"/>
                  </a:lnTo>
                  <a:lnTo>
                    <a:pt x="708336" y="3186"/>
                  </a:lnTo>
                  <a:lnTo>
                    <a:pt x="665073" y="0"/>
                  </a:lnTo>
                  <a:close/>
                </a:path>
              </a:pathLst>
            </a:custGeom>
            <a:solidFill>
              <a:schemeClr val="accent2"/>
            </a:solidFill>
            <a:ln w="3175">
              <a:noFill/>
            </a:ln>
          </p:spPr>
          <p:txBody>
            <a:bodyPr wrap="square" lIns="0" tIns="0" rIns="0" bIns="0" rtlCol="0"/>
            <a:lstStyle/>
            <a:p>
              <a:endParaRPr sz="2223" dirty="0">
                <a:solidFill>
                  <a:schemeClr val="bg1"/>
                </a:solidFill>
              </a:endParaRPr>
            </a:p>
          </p:txBody>
        </p:sp>
        <p:sp>
          <p:nvSpPr>
            <p:cNvPr id="28" name="object 76">
              <a:extLst>
                <a:ext uri="{FF2B5EF4-FFF2-40B4-BE49-F238E27FC236}">
                  <a16:creationId xmlns:a16="http://schemas.microsoft.com/office/drawing/2014/main" id="{C67BE22F-8F2D-46A4-ABC2-8193F3170831}"/>
                </a:ext>
              </a:extLst>
            </p:cNvPr>
            <p:cNvSpPr/>
            <p:nvPr userDrawn="1"/>
          </p:nvSpPr>
          <p:spPr>
            <a:xfrm>
              <a:off x="6555228" y="6119720"/>
              <a:ext cx="1518207" cy="988927"/>
            </a:xfrm>
            <a:custGeom>
              <a:avLst/>
              <a:gdLst/>
              <a:ahLst/>
              <a:cxnLst/>
              <a:rect l="l" t="t" r="r" b="b"/>
              <a:pathLst>
                <a:path w="1139190" h="785495">
                  <a:moveTo>
                    <a:pt x="917118" y="607749"/>
                  </a:moveTo>
                  <a:lnTo>
                    <a:pt x="281257" y="607749"/>
                  </a:lnTo>
                  <a:lnTo>
                    <a:pt x="289832" y="610172"/>
                  </a:lnTo>
                  <a:lnTo>
                    <a:pt x="296042" y="616398"/>
                  </a:lnTo>
                  <a:lnTo>
                    <a:pt x="323837" y="662803"/>
                  </a:lnTo>
                  <a:lnTo>
                    <a:pt x="341056" y="695959"/>
                  </a:lnTo>
                  <a:lnTo>
                    <a:pt x="354003" y="716238"/>
                  </a:lnTo>
                  <a:lnTo>
                    <a:pt x="369165" y="731943"/>
                  </a:lnTo>
                  <a:lnTo>
                    <a:pt x="393027" y="751377"/>
                  </a:lnTo>
                  <a:lnTo>
                    <a:pt x="454641" y="785137"/>
                  </a:lnTo>
                  <a:lnTo>
                    <a:pt x="508017" y="781544"/>
                  </a:lnTo>
                  <a:lnTo>
                    <a:pt x="551536" y="775365"/>
                  </a:lnTo>
                  <a:lnTo>
                    <a:pt x="624991" y="728592"/>
                  </a:lnTo>
                  <a:lnTo>
                    <a:pt x="640078" y="715626"/>
                  </a:lnTo>
                  <a:lnTo>
                    <a:pt x="653986" y="707172"/>
                  </a:lnTo>
                  <a:lnTo>
                    <a:pt x="674705" y="699512"/>
                  </a:lnTo>
                  <a:lnTo>
                    <a:pt x="710225" y="688928"/>
                  </a:lnTo>
                  <a:lnTo>
                    <a:pt x="847217" y="688928"/>
                  </a:lnTo>
                  <a:lnTo>
                    <a:pt x="848669" y="687788"/>
                  </a:lnTo>
                  <a:lnTo>
                    <a:pt x="861190" y="672883"/>
                  </a:lnTo>
                  <a:lnTo>
                    <a:pt x="883643" y="651140"/>
                  </a:lnTo>
                  <a:lnTo>
                    <a:pt x="898334" y="634933"/>
                  </a:lnTo>
                  <a:lnTo>
                    <a:pt x="911751" y="616199"/>
                  </a:lnTo>
                  <a:lnTo>
                    <a:pt x="917118" y="607749"/>
                  </a:lnTo>
                  <a:close/>
                </a:path>
                <a:path w="1139190" h="785495">
                  <a:moveTo>
                    <a:pt x="847217" y="688928"/>
                  </a:moveTo>
                  <a:lnTo>
                    <a:pt x="710225" y="688928"/>
                  </a:lnTo>
                  <a:lnTo>
                    <a:pt x="764205" y="714218"/>
                  </a:lnTo>
                  <a:lnTo>
                    <a:pt x="787825" y="714218"/>
                  </a:lnTo>
                  <a:lnTo>
                    <a:pt x="818865" y="704580"/>
                  </a:lnTo>
                  <a:lnTo>
                    <a:pt x="836854" y="697062"/>
                  </a:lnTo>
                  <a:lnTo>
                    <a:pt x="847217" y="688928"/>
                  </a:lnTo>
                  <a:close/>
                </a:path>
                <a:path w="1139190" h="785495">
                  <a:moveTo>
                    <a:pt x="209161" y="153670"/>
                  </a:moveTo>
                  <a:lnTo>
                    <a:pt x="166856" y="156243"/>
                  </a:lnTo>
                  <a:lnTo>
                    <a:pt x="111318" y="201380"/>
                  </a:lnTo>
                  <a:lnTo>
                    <a:pt x="78393" y="237645"/>
                  </a:lnTo>
                  <a:lnTo>
                    <a:pt x="65748" y="294130"/>
                  </a:lnTo>
                  <a:lnTo>
                    <a:pt x="64913" y="367554"/>
                  </a:lnTo>
                  <a:lnTo>
                    <a:pt x="56975" y="372635"/>
                  </a:lnTo>
                  <a:lnTo>
                    <a:pt x="10098" y="464539"/>
                  </a:lnTo>
                  <a:lnTo>
                    <a:pt x="704" y="507171"/>
                  </a:lnTo>
                  <a:lnTo>
                    <a:pt x="0" y="521995"/>
                  </a:lnTo>
                  <a:lnTo>
                    <a:pt x="794" y="542198"/>
                  </a:lnTo>
                  <a:lnTo>
                    <a:pt x="32824" y="597848"/>
                  </a:lnTo>
                  <a:lnTo>
                    <a:pt x="37487" y="608598"/>
                  </a:lnTo>
                  <a:lnTo>
                    <a:pt x="41502" y="614288"/>
                  </a:lnTo>
                  <a:lnTo>
                    <a:pt x="47083" y="616813"/>
                  </a:lnTo>
                  <a:lnTo>
                    <a:pt x="56443" y="618068"/>
                  </a:lnTo>
                  <a:lnTo>
                    <a:pt x="105243" y="626545"/>
                  </a:lnTo>
                  <a:lnTo>
                    <a:pt x="139963" y="628849"/>
                  </a:lnTo>
                  <a:lnTo>
                    <a:pt x="177210" y="624510"/>
                  </a:lnTo>
                  <a:lnTo>
                    <a:pt x="233593" y="613058"/>
                  </a:lnTo>
                  <a:lnTo>
                    <a:pt x="264462" y="608815"/>
                  </a:lnTo>
                  <a:lnTo>
                    <a:pt x="281257" y="607749"/>
                  </a:lnTo>
                  <a:lnTo>
                    <a:pt x="917118" y="607749"/>
                  </a:lnTo>
                  <a:lnTo>
                    <a:pt x="930379" y="586873"/>
                  </a:lnTo>
                  <a:lnTo>
                    <a:pt x="971841" y="580431"/>
                  </a:lnTo>
                  <a:lnTo>
                    <a:pt x="1029094" y="565758"/>
                  </a:lnTo>
                  <a:lnTo>
                    <a:pt x="1070937" y="546315"/>
                  </a:lnTo>
                  <a:lnTo>
                    <a:pt x="1100043" y="519495"/>
                  </a:lnTo>
                  <a:lnTo>
                    <a:pt x="1126078" y="481419"/>
                  </a:lnTo>
                  <a:lnTo>
                    <a:pt x="1129115" y="477030"/>
                  </a:lnTo>
                  <a:lnTo>
                    <a:pt x="1131357" y="468453"/>
                  </a:lnTo>
                  <a:lnTo>
                    <a:pt x="1133912" y="449285"/>
                  </a:lnTo>
                  <a:lnTo>
                    <a:pt x="1137888" y="413124"/>
                  </a:lnTo>
                  <a:lnTo>
                    <a:pt x="1139133" y="397147"/>
                  </a:lnTo>
                  <a:lnTo>
                    <a:pt x="1138231" y="386633"/>
                  </a:lnTo>
                  <a:lnTo>
                    <a:pt x="1091483" y="328724"/>
                  </a:lnTo>
                  <a:lnTo>
                    <a:pt x="1050052" y="302831"/>
                  </a:lnTo>
                  <a:lnTo>
                    <a:pt x="1013049" y="298365"/>
                  </a:lnTo>
                  <a:lnTo>
                    <a:pt x="990021" y="294965"/>
                  </a:lnTo>
                  <a:lnTo>
                    <a:pt x="952329" y="294965"/>
                  </a:lnTo>
                  <a:lnTo>
                    <a:pt x="952329" y="253690"/>
                  </a:lnTo>
                  <a:lnTo>
                    <a:pt x="936284" y="216590"/>
                  </a:lnTo>
                  <a:lnTo>
                    <a:pt x="921303" y="190344"/>
                  </a:lnTo>
                  <a:lnTo>
                    <a:pt x="919975" y="188735"/>
                  </a:lnTo>
                  <a:lnTo>
                    <a:pt x="705990" y="188735"/>
                  </a:lnTo>
                  <a:lnTo>
                    <a:pt x="703145" y="181995"/>
                  </a:lnTo>
                  <a:lnTo>
                    <a:pt x="323837" y="181995"/>
                  </a:lnTo>
                  <a:lnTo>
                    <a:pt x="317992" y="178595"/>
                  </a:lnTo>
                  <a:lnTo>
                    <a:pt x="282562" y="159150"/>
                  </a:lnTo>
                  <a:lnTo>
                    <a:pt x="209161" y="153670"/>
                  </a:lnTo>
                  <a:close/>
                </a:path>
                <a:path w="1139190" h="785495">
                  <a:moveTo>
                    <a:pt x="976337" y="293511"/>
                  </a:moveTo>
                  <a:lnTo>
                    <a:pt x="965591" y="293609"/>
                  </a:lnTo>
                  <a:lnTo>
                    <a:pt x="952329" y="294965"/>
                  </a:lnTo>
                  <a:lnTo>
                    <a:pt x="990021" y="294965"/>
                  </a:lnTo>
                  <a:lnTo>
                    <a:pt x="976337" y="293511"/>
                  </a:lnTo>
                  <a:close/>
                </a:path>
                <a:path w="1139190" h="785495">
                  <a:moveTo>
                    <a:pt x="807340" y="142299"/>
                  </a:moveTo>
                  <a:lnTo>
                    <a:pt x="793312" y="143143"/>
                  </a:lnTo>
                  <a:lnTo>
                    <a:pt x="779910" y="147800"/>
                  </a:lnTo>
                  <a:lnTo>
                    <a:pt x="760805" y="157540"/>
                  </a:lnTo>
                  <a:lnTo>
                    <a:pt x="705990" y="188735"/>
                  </a:lnTo>
                  <a:lnTo>
                    <a:pt x="919975" y="188735"/>
                  </a:lnTo>
                  <a:lnTo>
                    <a:pt x="889439" y="162212"/>
                  </a:lnTo>
                  <a:lnTo>
                    <a:pt x="828325" y="144000"/>
                  </a:lnTo>
                  <a:lnTo>
                    <a:pt x="807340" y="142299"/>
                  </a:lnTo>
                  <a:close/>
                </a:path>
                <a:path w="1139190" h="785495">
                  <a:moveTo>
                    <a:pt x="543581" y="0"/>
                  </a:moveTo>
                  <a:lnTo>
                    <a:pt x="537733" y="1081"/>
                  </a:lnTo>
                  <a:lnTo>
                    <a:pt x="529676" y="4846"/>
                  </a:lnTo>
                  <a:lnTo>
                    <a:pt x="479096" y="25066"/>
                  </a:lnTo>
                  <a:lnTo>
                    <a:pt x="434362" y="52160"/>
                  </a:lnTo>
                  <a:lnTo>
                    <a:pt x="389627" y="95090"/>
                  </a:lnTo>
                  <a:lnTo>
                    <a:pt x="330637" y="176925"/>
                  </a:lnTo>
                  <a:lnTo>
                    <a:pt x="323837" y="181995"/>
                  </a:lnTo>
                  <a:lnTo>
                    <a:pt x="703145" y="181995"/>
                  </a:lnTo>
                  <a:lnTo>
                    <a:pt x="660421" y="80775"/>
                  </a:lnTo>
                  <a:lnTo>
                    <a:pt x="633966" y="50470"/>
                  </a:lnTo>
                  <a:lnTo>
                    <a:pt x="560036" y="6516"/>
                  </a:lnTo>
                  <a:lnTo>
                    <a:pt x="550067" y="1759"/>
                  </a:lnTo>
                  <a:lnTo>
                    <a:pt x="543581" y="0"/>
                  </a:lnTo>
                  <a:close/>
                </a:path>
              </a:pathLst>
            </a:custGeom>
            <a:solidFill>
              <a:schemeClr val="accent2">
                <a:lumMod val="75000"/>
              </a:schemeClr>
            </a:solidFill>
            <a:ln w="3175">
              <a:solidFill>
                <a:schemeClr val="accent1">
                  <a:lumMod val="75000"/>
                  <a:lumOff val="25000"/>
                </a:schemeClr>
              </a:solidFill>
            </a:ln>
          </p:spPr>
          <p:txBody>
            <a:bodyPr wrap="square" lIns="0" tIns="0" rIns="0" bIns="0" rtlCol="0"/>
            <a:lstStyle/>
            <a:p>
              <a:endParaRPr sz="2223" dirty="0">
                <a:solidFill>
                  <a:schemeClr val="bg1"/>
                </a:solidFill>
              </a:endParaRPr>
            </a:p>
          </p:txBody>
        </p:sp>
        <p:sp>
          <p:nvSpPr>
            <p:cNvPr id="29" name="object 10">
              <a:extLst>
                <a:ext uri="{FF2B5EF4-FFF2-40B4-BE49-F238E27FC236}">
                  <a16:creationId xmlns:a16="http://schemas.microsoft.com/office/drawing/2014/main" id="{58148D17-DED4-4A4D-A0CC-916180E4C5BF}"/>
                </a:ext>
              </a:extLst>
            </p:cNvPr>
            <p:cNvSpPr/>
            <p:nvPr userDrawn="1"/>
          </p:nvSpPr>
          <p:spPr>
            <a:xfrm rot="323344">
              <a:off x="9221556" y="5309242"/>
              <a:ext cx="1126986" cy="1775186"/>
            </a:xfrm>
            <a:custGeom>
              <a:avLst/>
              <a:gdLst/>
              <a:ahLst/>
              <a:cxnLst/>
              <a:rect l="l" t="t" r="r" b="b"/>
              <a:pathLst>
                <a:path w="558800" h="880110">
                  <a:moveTo>
                    <a:pt x="251483" y="0"/>
                  </a:moveTo>
                  <a:lnTo>
                    <a:pt x="188244" y="54892"/>
                  </a:lnTo>
                  <a:lnTo>
                    <a:pt x="160709" y="91102"/>
                  </a:lnTo>
                  <a:lnTo>
                    <a:pt x="163067" y="124750"/>
                  </a:lnTo>
                  <a:lnTo>
                    <a:pt x="189510" y="171959"/>
                  </a:lnTo>
                  <a:lnTo>
                    <a:pt x="222215" y="226461"/>
                  </a:lnTo>
                  <a:lnTo>
                    <a:pt x="248053" y="270048"/>
                  </a:lnTo>
                  <a:lnTo>
                    <a:pt x="268254" y="300795"/>
                  </a:lnTo>
                  <a:lnTo>
                    <a:pt x="284049" y="316780"/>
                  </a:lnTo>
                  <a:lnTo>
                    <a:pt x="287330" y="410723"/>
                  </a:lnTo>
                  <a:lnTo>
                    <a:pt x="260590" y="348663"/>
                  </a:lnTo>
                  <a:lnTo>
                    <a:pt x="235292" y="300927"/>
                  </a:lnTo>
                  <a:lnTo>
                    <a:pt x="195686" y="274797"/>
                  </a:lnTo>
                  <a:lnTo>
                    <a:pt x="144231" y="245279"/>
                  </a:lnTo>
                  <a:lnTo>
                    <a:pt x="88650" y="219811"/>
                  </a:lnTo>
                  <a:lnTo>
                    <a:pt x="46896" y="213533"/>
                  </a:lnTo>
                  <a:lnTo>
                    <a:pt x="32333" y="234142"/>
                  </a:lnTo>
                  <a:lnTo>
                    <a:pt x="32539" y="274681"/>
                  </a:lnTo>
                  <a:lnTo>
                    <a:pt x="44006" y="323400"/>
                  </a:lnTo>
                  <a:lnTo>
                    <a:pt x="63223" y="368548"/>
                  </a:lnTo>
                  <a:lnTo>
                    <a:pt x="134370" y="421529"/>
                  </a:lnTo>
                  <a:lnTo>
                    <a:pt x="199568" y="442865"/>
                  </a:lnTo>
                  <a:lnTo>
                    <a:pt x="257128" y="458508"/>
                  </a:lnTo>
                  <a:lnTo>
                    <a:pt x="281902" y="464584"/>
                  </a:lnTo>
                  <a:lnTo>
                    <a:pt x="283274" y="553933"/>
                  </a:lnTo>
                  <a:lnTo>
                    <a:pt x="243158" y="508090"/>
                  </a:lnTo>
                  <a:lnTo>
                    <a:pt x="202450" y="471113"/>
                  </a:lnTo>
                  <a:lnTo>
                    <a:pt x="158815" y="452734"/>
                  </a:lnTo>
                  <a:lnTo>
                    <a:pt x="109122" y="435527"/>
                  </a:lnTo>
                  <a:lnTo>
                    <a:pt x="85070" y="435178"/>
                  </a:lnTo>
                  <a:lnTo>
                    <a:pt x="62484" y="438521"/>
                  </a:lnTo>
                  <a:lnTo>
                    <a:pt x="43325" y="440583"/>
                  </a:lnTo>
                  <a:lnTo>
                    <a:pt x="30038" y="441628"/>
                  </a:lnTo>
                  <a:lnTo>
                    <a:pt x="25066" y="441918"/>
                  </a:lnTo>
                  <a:lnTo>
                    <a:pt x="31073" y="513138"/>
                  </a:lnTo>
                  <a:lnTo>
                    <a:pt x="39351" y="551138"/>
                  </a:lnTo>
                  <a:lnTo>
                    <a:pt x="85308" y="578806"/>
                  </a:lnTo>
                  <a:lnTo>
                    <a:pt x="135035" y="591471"/>
                  </a:lnTo>
                  <a:lnTo>
                    <a:pt x="194535" y="605550"/>
                  </a:lnTo>
                  <a:lnTo>
                    <a:pt x="265380" y="621692"/>
                  </a:lnTo>
                  <a:lnTo>
                    <a:pt x="258163" y="690583"/>
                  </a:lnTo>
                  <a:lnTo>
                    <a:pt x="221140" y="648929"/>
                  </a:lnTo>
                  <a:lnTo>
                    <a:pt x="178832" y="617962"/>
                  </a:lnTo>
                  <a:lnTo>
                    <a:pt x="114564" y="608842"/>
                  </a:lnTo>
                  <a:lnTo>
                    <a:pt x="67183" y="602500"/>
                  </a:lnTo>
                  <a:lnTo>
                    <a:pt x="25495" y="600834"/>
                  </a:lnTo>
                  <a:lnTo>
                    <a:pt x="3116" y="609345"/>
                  </a:lnTo>
                  <a:lnTo>
                    <a:pt x="0" y="636273"/>
                  </a:lnTo>
                  <a:lnTo>
                    <a:pt x="7082" y="675895"/>
                  </a:lnTo>
                  <a:lnTo>
                    <a:pt x="24320" y="712900"/>
                  </a:lnTo>
                  <a:lnTo>
                    <a:pt x="51668" y="731977"/>
                  </a:lnTo>
                  <a:lnTo>
                    <a:pt x="96089" y="739954"/>
                  </a:lnTo>
                  <a:lnTo>
                    <a:pt x="206581" y="761410"/>
                  </a:lnTo>
                  <a:lnTo>
                    <a:pt x="238957" y="766870"/>
                  </a:lnTo>
                  <a:lnTo>
                    <a:pt x="220884" y="875963"/>
                  </a:lnTo>
                  <a:lnTo>
                    <a:pt x="257805" y="879900"/>
                  </a:lnTo>
                  <a:lnTo>
                    <a:pt x="264034" y="833748"/>
                  </a:lnTo>
                  <a:lnTo>
                    <a:pt x="268273" y="808615"/>
                  </a:lnTo>
                  <a:lnTo>
                    <a:pt x="272467" y="795729"/>
                  </a:lnTo>
                  <a:lnTo>
                    <a:pt x="278562" y="786315"/>
                  </a:lnTo>
                  <a:lnTo>
                    <a:pt x="286746" y="773268"/>
                  </a:lnTo>
                  <a:lnTo>
                    <a:pt x="294689" y="758348"/>
                  </a:lnTo>
                  <a:lnTo>
                    <a:pt x="300697" y="746079"/>
                  </a:lnTo>
                  <a:lnTo>
                    <a:pt x="303077" y="740984"/>
                  </a:lnTo>
                  <a:lnTo>
                    <a:pt x="370277" y="748594"/>
                  </a:lnTo>
                  <a:lnTo>
                    <a:pt x="409888" y="748410"/>
                  </a:lnTo>
                  <a:lnTo>
                    <a:pt x="468296" y="714859"/>
                  </a:lnTo>
                  <a:lnTo>
                    <a:pt x="501929" y="671218"/>
                  </a:lnTo>
                  <a:lnTo>
                    <a:pt x="526839" y="614638"/>
                  </a:lnTo>
                  <a:lnTo>
                    <a:pt x="542310" y="565641"/>
                  </a:lnTo>
                  <a:lnTo>
                    <a:pt x="547626" y="544748"/>
                  </a:lnTo>
                  <a:lnTo>
                    <a:pt x="533959" y="534732"/>
                  </a:lnTo>
                  <a:lnTo>
                    <a:pt x="521941" y="530604"/>
                  </a:lnTo>
                  <a:lnTo>
                    <a:pt x="504857" y="531655"/>
                  </a:lnTo>
                  <a:lnTo>
                    <a:pt x="435138" y="548713"/>
                  </a:lnTo>
                  <a:lnTo>
                    <a:pt x="392926" y="565207"/>
                  </a:lnTo>
                  <a:lnTo>
                    <a:pt x="342562" y="595030"/>
                  </a:lnTo>
                  <a:lnTo>
                    <a:pt x="333583" y="610786"/>
                  </a:lnTo>
                  <a:lnTo>
                    <a:pt x="319353" y="633352"/>
                  </a:lnTo>
                  <a:lnTo>
                    <a:pt x="300393" y="662370"/>
                  </a:lnTo>
                  <a:lnTo>
                    <a:pt x="307192" y="597773"/>
                  </a:lnTo>
                  <a:lnTo>
                    <a:pt x="398566" y="552959"/>
                  </a:lnTo>
                  <a:lnTo>
                    <a:pt x="448136" y="528017"/>
                  </a:lnTo>
                  <a:lnTo>
                    <a:pt x="490664" y="501743"/>
                  </a:lnTo>
                  <a:lnTo>
                    <a:pt x="528062" y="456718"/>
                  </a:lnTo>
                  <a:lnTo>
                    <a:pt x="539766" y="419401"/>
                  </a:lnTo>
                  <a:lnTo>
                    <a:pt x="541840" y="370044"/>
                  </a:lnTo>
                  <a:lnTo>
                    <a:pt x="480667" y="356474"/>
                  </a:lnTo>
                  <a:lnTo>
                    <a:pt x="446339" y="351845"/>
                  </a:lnTo>
                  <a:lnTo>
                    <a:pt x="426316" y="356062"/>
                  </a:lnTo>
                  <a:lnTo>
                    <a:pt x="381787" y="399039"/>
                  </a:lnTo>
                  <a:lnTo>
                    <a:pt x="352031" y="442552"/>
                  </a:lnTo>
                  <a:lnTo>
                    <a:pt x="327666" y="481736"/>
                  </a:lnTo>
                  <a:lnTo>
                    <a:pt x="317571" y="498761"/>
                  </a:lnTo>
                  <a:lnTo>
                    <a:pt x="328426" y="354119"/>
                  </a:lnTo>
                  <a:lnTo>
                    <a:pt x="440084" y="335390"/>
                  </a:lnTo>
                  <a:lnTo>
                    <a:pt x="484014" y="317029"/>
                  </a:lnTo>
                  <a:lnTo>
                    <a:pt x="518350" y="295875"/>
                  </a:lnTo>
                  <a:lnTo>
                    <a:pt x="535231" y="258197"/>
                  </a:lnTo>
                  <a:lnTo>
                    <a:pt x="548968" y="221153"/>
                  </a:lnTo>
                  <a:lnTo>
                    <a:pt x="558321" y="182834"/>
                  </a:lnTo>
                  <a:lnTo>
                    <a:pt x="555797" y="153887"/>
                  </a:lnTo>
                  <a:lnTo>
                    <a:pt x="526159" y="149946"/>
                  </a:lnTo>
                  <a:lnTo>
                    <a:pt x="475260" y="168261"/>
                  </a:lnTo>
                  <a:lnTo>
                    <a:pt x="427113" y="191766"/>
                  </a:lnTo>
                  <a:lnTo>
                    <a:pt x="405728" y="203393"/>
                  </a:lnTo>
                  <a:lnTo>
                    <a:pt x="340892" y="277056"/>
                  </a:lnTo>
                  <a:lnTo>
                    <a:pt x="351102" y="173133"/>
                  </a:lnTo>
                  <a:lnTo>
                    <a:pt x="352113" y="115571"/>
                  </a:lnTo>
                  <a:lnTo>
                    <a:pt x="317929" y="57021"/>
                  </a:lnTo>
                  <a:lnTo>
                    <a:pt x="289932" y="30673"/>
                  </a:lnTo>
                  <a:lnTo>
                    <a:pt x="255993" y="3096"/>
                  </a:lnTo>
                  <a:lnTo>
                    <a:pt x="251483" y="0"/>
                  </a:lnTo>
                  <a:close/>
                </a:path>
              </a:pathLst>
            </a:custGeom>
            <a:solidFill>
              <a:schemeClr val="accent3">
                <a:lumMod val="75000"/>
              </a:schemeClr>
            </a:solidFill>
            <a:ln w="3175">
              <a:noFill/>
            </a:ln>
          </p:spPr>
          <p:txBody>
            <a:bodyPr wrap="square" lIns="0" tIns="0" rIns="0" bIns="0" rtlCol="0"/>
            <a:lstStyle/>
            <a:p>
              <a:endParaRPr sz="2223">
                <a:solidFill>
                  <a:schemeClr val="bg1"/>
                </a:solidFill>
              </a:endParaRPr>
            </a:p>
          </p:txBody>
        </p:sp>
        <p:sp>
          <p:nvSpPr>
            <p:cNvPr id="30" name="object 4">
              <a:extLst>
                <a:ext uri="{FF2B5EF4-FFF2-40B4-BE49-F238E27FC236}">
                  <a16:creationId xmlns:a16="http://schemas.microsoft.com/office/drawing/2014/main" id="{71065AF0-55AD-45D1-828B-DEC00918854A}"/>
                </a:ext>
              </a:extLst>
            </p:cNvPr>
            <p:cNvSpPr/>
            <p:nvPr userDrawn="1"/>
          </p:nvSpPr>
          <p:spPr>
            <a:xfrm flipH="1">
              <a:off x="8238574" y="6087130"/>
              <a:ext cx="2444252" cy="1300056"/>
            </a:xfrm>
            <a:custGeom>
              <a:avLst/>
              <a:gdLst/>
              <a:ahLst/>
              <a:cxnLst/>
              <a:rect l="l" t="t" r="r" b="b"/>
              <a:pathLst>
                <a:path w="1177925" h="647700">
                  <a:moveTo>
                    <a:pt x="665073" y="0"/>
                  </a:moveTo>
                  <a:lnTo>
                    <a:pt x="624169" y="6305"/>
                  </a:lnTo>
                  <a:lnTo>
                    <a:pt x="586832" y="21368"/>
                  </a:lnTo>
                  <a:lnTo>
                    <a:pt x="553365" y="43834"/>
                  </a:lnTo>
                  <a:lnTo>
                    <a:pt x="524069" y="72350"/>
                  </a:lnTo>
                  <a:lnTo>
                    <a:pt x="499236" y="105611"/>
                  </a:lnTo>
                  <a:lnTo>
                    <a:pt x="479156" y="142226"/>
                  </a:lnTo>
                  <a:lnTo>
                    <a:pt x="464131" y="180854"/>
                  </a:lnTo>
                  <a:lnTo>
                    <a:pt x="454462" y="220154"/>
                  </a:lnTo>
                  <a:lnTo>
                    <a:pt x="427793" y="197974"/>
                  </a:lnTo>
                  <a:lnTo>
                    <a:pt x="395756" y="183315"/>
                  </a:lnTo>
                  <a:lnTo>
                    <a:pt x="368840" y="175220"/>
                  </a:lnTo>
                  <a:lnTo>
                    <a:pt x="357537" y="172735"/>
                  </a:lnTo>
                  <a:lnTo>
                    <a:pt x="300481" y="177927"/>
                  </a:lnTo>
                  <a:lnTo>
                    <a:pt x="250250" y="209112"/>
                  </a:lnTo>
                  <a:lnTo>
                    <a:pt x="233891" y="249499"/>
                  </a:lnTo>
                  <a:lnTo>
                    <a:pt x="216578" y="308243"/>
                  </a:lnTo>
                  <a:lnTo>
                    <a:pt x="215488" y="338468"/>
                  </a:lnTo>
                  <a:lnTo>
                    <a:pt x="223512" y="369448"/>
                  </a:lnTo>
                  <a:lnTo>
                    <a:pt x="185822" y="371148"/>
                  </a:lnTo>
                  <a:lnTo>
                    <a:pt x="144541" y="377098"/>
                  </a:lnTo>
                  <a:lnTo>
                    <a:pt x="97599" y="386447"/>
                  </a:lnTo>
                  <a:lnTo>
                    <a:pt x="31209" y="433171"/>
                  </a:lnTo>
                  <a:lnTo>
                    <a:pt x="1077" y="466336"/>
                  </a:lnTo>
                  <a:lnTo>
                    <a:pt x="0" y="501770"/>
                  </a:lnTo>
                  <a:lnTo>
                    <a:pt x="20775" y="555305"/>
                  </a:lnTo>
                  <a:lnTo>
                    <a:pt x="50409" y="597437"/>
                  </a:lnTo>
                  <a:lnTo>
                    <a:pt x="85977" y="620062"/>
                  </a:lnTo>
                  <a:lnTo>
                    <a:pt x="123996" y="634407"/>
                  </a:lnTo>
                  <a:lnTo>
                    <a:pt x="148239" y="637677"/>
                  </a:lnTo>
                  <a:lnTo>
                    <a:pt x="148716" y="638750"/>
                  </a:lnTo>
                  <a:lnTo>
                    <a:pt x="200391" y="641206"/>
                  </a:lnTo>
                  <a:lnTo>
                    <a:pt x="252463" y="641263"/>
                  </a:lnTo>
                  <a:lnTo>
                    <a:pt x="304569" y="640034"/>
                  </a:lnTo>
                  <a:lnTo>
                    <a:pt x="356344" y="638631"/>
                  </a:lnTo>
                  <a:lnTo>
                    <a:pt x="406866" y="641294"/>
                  </a:lnTo>
                  <a:lnTo>
                    <a:pt x="457624" y="643339"/>
                  </a:lnTo>
                  <a:lnTo>
                    <a:pt x="508548" y="644852"/>
                  </a:lnTo>
                  <a:lnTo>
                    <a:pt x="559569" y="645922"/>
                  </a:lnTo>
                  <a:lnTo>
                    <a:pt x="610619" y="646636"/>
                  </a:lnTo>
                  <a:lnTo>
                    <a:pt x="661627" y="647083"/>
                  </a:lnTo>
                  <a:lnTo>
                    <a:pt x="813711" y="647697"/>
                  </a:lnTo>
                  <a:lnTo>
                    <a:pt x="856025" y="646789"/>
                  </a:lnTo>
                  <a:lnTo>
                    <a:pt x="902823" y="643917"/>
                  </a:lnTo>
                  <a:lnTo>
                    <a:pt x="956325" y="639466"/>
                  </a:lnTo>
                  <a:lnTo>
                    <a:pt x="1003364" y="631036"/>
                  </a:lnTo>
                  <a:lnTo>
                    <a:pt x="1048326" y="619517"/>
                  </a:lnTo>
                  <a:lnTo>
                    <a:pt x="1100822" y="595239"/>
                  </a:lnTo>
                  <a:lnTo>
                    <a:pt x="1147806" y="545130"/>
                  </a:lnTo>
                  <a:lnTo>
                    <a:pt x="1165266" y="502205"/>
                  </a:lnTo>
                  <a:lnTo>
                    <a:pt x="1177851" y="450567"/>
                  </a:lnTo>
                  <a:lnTo>
                    <a:pt x="1169732" y="402377"/>
                  </a:lnTo>
                  <a:lnTo>
                    <a:pt x="1156647" y="355005"/>
                  </a:lnTo>
                  <a:lnTo>
                    <a:pt x="1130563" y="315847"/>
                  </a:lnTo>
                  <a:lnTo>
                    <a:pt x="1093336" y="291525"/>
                  </a:lnTo>
                  <a:lnTo>
                    <a:pt x="1039640" y="281712"/>
                  </a:lnTo>
                  <a:lnTo>
                    <a:pt x="1006592" y="285481"/>
                  </a:lnTo>
                  <a:lnTo>
                    <a:pt x="974685" y="295759"/>
                  </a:lnTo>
                  <a:lnTo>
                    <a:pt x="945529" y="312009"/>
                  </a:lnTo>
                  <a:lnTo>
                    <a:pt x="946599" y="257500"/>
                  </a:lnTo>
                  <a:lnTo>
                    <a:pt x="942131" y="203112"/>
                  </a:lnTo>
                  <a:lnTo>
                    <a:pt x="930168" y="151183"/>
                  </a:lnTo>
                  <a:lnTo>
                    <a:pt x="908751" y="104052"/>
                  </a:lnTo>
                  <a:lnTo>
                    <a:pt x="875922" y="64059"/>
                  </a:lnTo>
                  <a:lnTo>
                    <a:pt x="841677" y="40488"/>
                  </a:lnTo>
                  <a:lnTo>
                    <a:pt x="800054" y="22864"/>
                  </a:lnTo>
                  <a:lnTo>
                    <a:pt x="754469" y="10618"/>
                  </a:lnTo>
                  <a:lnTo>
                    <a:pt x="708336" y="3186"/>
                  </a:lnTo>
                  <a:lnTo>
                    <a:pt x="665073" y="0"/>
                  </a:lnTo>
                  <a:close/>
                </a:path>
              </a:pathLst>
            </a:custGeom>
            <a:solidFill>
              <a:schemeClr val="accent2">
                <a:lumMod val="75000"/>
              </a:schemeClr>
            </a:solidFill>
            <a:ln w="3175">
              <a:noFill/>
            </a:ln>
          </p:spPr>
          <p:txBody>
            <a:bodyPr wrap="square" lIns="0" tIns="0" rIns="0" bIns="0" rtlCol="0"/>
            <a:lstStyle/>
            <a:p>
              <a:endParaRPr sz="2223">
                <a:solidFill>
                  <a:schemeClr val="bg1"/>
                </a:solidFill>
              </a:endParaRPr>
            </a:p>
          </p:txBody>
        </p:sp>
        <p:sp>
          <p:nvSpPr>
            <p:cNvPr id="31" name="object 6">
              <a:extLst>
                <a:ext uri="{FF2B5EF4-FFF2-40B4-BE49-F238E27FC236}">
                  <a16:creationId xmlns:a16="http://schemas.microsoft.com/office/drawing/2014/main" id="{482F5277-4EAF-49C2-9BE5-ADDE2492DF62}"/>
                </a:ext>
              </a:extLst>
            </p:cNvPr>
            <p:cNvSpPr/>
            <p:nvPr userDrawn="1"/>
          </p:nvSpPr>
          <p:spPr>
            <a:xfrm rot="21078239" flipH="1">
              <a:off x="7441383" y="6579899"/>
              <a:ext cx="1350784" cy="879986"/>
            </a:xfrm>
            <a:custGeom>
              <a:avLst/>
              <a:gdLst/>
              <a:ahLst/>
              <a:cxnLst/>
              <a:rect l="l" t="t" r="r" b="b"/>
              <a:pathLst>
                <a:path w="739775" h="481964">
                  <a:moveTo>
                    <a:pt x="372584" y="0"/>
                  </a:moveTo>
                  <a:lnTo>
                    <a:pt x="326515" y="6282"/>
                  </a:lnTo>
                  <a:lnTo>
                    <a:pt x="282130" y="18274"/>
                  </a:lnTo>
                  <a:lnTo>
                    <a:pt x="239329" y="35354"/>
                  </a:lnTo>
                  <a:lnTo>
                    <a:pt x="198011" y="56902"/>
                  </a:lnTo>
                  <a:lnTo>
                    <a:pt x="156494" y="82390"/>
                  </a:lnTo>
                  <a:lnTo>
                    <a:pt x="117746" y="112552"/>
                  </a:lnTo>
                  <a:lnTo>
                    <a:pt x="82525" y="146919"/>
                  </a:lnTo>
                  <a:lnTo>
                    <a:pt x="51586" y="185022"/>
                  </a:lnTo>
                  <a:lnTo>
                    <a:pt x="22797" y="234841"/>
                  </a:lnTo>
                  <a:lnTo>
                    <a:pt x="2944" y="287037"/>
                  </a:lnTo>
                  <a:lnTo>
                    <a:pt x="0" y="309282"/>
                  </a:lnTo>
                  <a:lnTo>
                    <a:pt x="249" y="320538"/>
                  </a:lnTo>
                  <a:lnTo>
                    <a:pt x="6553" y="361752"/>
                  </a:lnTo>
                  <a:lnTo>
                    <a:pt x="21994" y="400583"/>
                  </a:lnTo>
                  <a:lnTo>
                    <a:pt x="45770" y="434781"/>
                  </a:lnTo>
                  <a:lnTo>
                    <a:pt x="76995" y="462019"/>
                  </a:lnTo>
                  <a:lnTo>
                    <a:pt x="129901" y="478869"/>
                  </a:lnTo>
                  <a:lnTo>
                    <a:pt x="186148" y="481583"/>
                  </a:lnTo>
                  <a:lnTo>
                    <a:pt x="239964" y="477530"/>
                  </a:lnTo>
                  <a:lnTo>
                    <a:pt x="293974" y="472306"/>
                  </a:lnTo>
                  <a:lnTo>
                    <a:pt x="347841" y="465470"/>
                  </a:lnTo>
                  <a:lnTo>
                    <a:pt x="401224" y="456581"/>
                  </a:lnTo>
                  <a:lnTo>
                    <a:pt x="453786" y="445199"/>
                  </a:lnTo>
                  <a:lnTo>
                    <a:pt x="486919" y="434762"/>
                  </a:lnTo>
                  <a:lnTo>
                    <a:pt x="521257" y="427305"/>
                  </a:lnTo>
                  <a:lnTo>
                    <a:pt x="589708" y="412453"/>
                  </a:lnTo>
                  <a:lnTo>
                    <a:pt x="666659" y="387684"/>
                  </a:lnTo>
                  <a:lnTo>
                    <a:pt x="704158" y="367992"/>
                  </a:lnTo>
                  <a:lnTo>
                    <a:pt x="731022" y="340847"/>
                  </a:lnTo>
                  <a:lnTo>
                    <a:pt x="739766" y="304314"/>
                  </a:lnTo>
                  <a:lnTo>
                    <a:pt x="724565" y="257291"/>
                  </a:lnTo>
                  <a:lnTo>
                    <a:pt x="701517" y="213714"/>
                  </a:lnTo>
                  <a:lnTo>
                    <a:pt x="672348" y="173361"/>
                  </a:lnTo>
                  <a:lnTo>
                    <a:pt x="638789" y="136010"/>
                  </a:lnTo>
                  <a:lnTo>
                    <a:pt x="602566" y="101440"/>
                  </a:lnTo>
                  <a:lnTo>
                    <a:pt x="584516" y="85890"/>
                  </a:lnTo>
                  <a:lnTo>
                    <a:pt x="279411" y="85890"/>
                  </a:lnTo>
                  <a:lnTo>
                    <a:pt x="282202" y="84637"/>
                  </a:lnTo>
                  <a:lnTo>
                    <a:pt x="583063" y="84637"/>
                  </a:lnTo>
                  <a:lnTo>
                    <a:pt x="565576" y="69573"/>
                  </a:lnTo>
                  <a:lnTo>
                    <a:pt x="551377" y="62091"/>
                  </a:lnTo>
                  <a:lnTo>
                    <a:pt x="437342" y="62091"/>
                  </a:lnTo>
                  <a:lnTo>
                    <a:pt x="435910" y="61435"/>
                  </a:lnTo>
                  <a:lnTo>
                    <a:pt x="550132" y="61435"/>
                  </a:lnTo>
                  <a:lnTo>
                    <a:pt x="525657" y="48539"/>
                  </a:lnTo>
                  <a:lnTo>
                    <a:pt x="467998" y="24760"/>
                  </a:lnTo>
                  <a:lnTo>
                    <a:pt x="410897" y="6002"/>
                  </a:lnTo>
                  <a:lnTo>
                    <a:pt x="372584" y="0"/>
                  </a:lnTo>
                  <a:close/>
                </a:path>
                <a:path w="739775" h="481964">
                  <a:moveTo>
                    <a:pt x="583063" y="84637"/>
                  </a:moveTo>
                  <a:lnTo>
                    <a:pt x="282202" y="84637"/>
                  </a:lnTo>
                  <a:lnTo>
                    <a:pt x="279411" y="85890"/>
                  </a:lnTo>
                  <a:lnTo>
                    <a:pt x="584516" y="85890"/>
                  </a:lnTo>
                  <a:lnTo>
                    <a:pt x="583063" y="84637"/>
                  </a:lnTo>
                  <a:close/>
                </a:path>
                <a:path w="739775" h="481964">
                  <a:moveTo>
                    <a:pt x="550132" y="61435"/>
                  </a:moveTo>
                  <a:lnTo>
                    <a:pt x="435910" y="61435"/>
                  </a:lnTo>
                  <a:lnTo>
                    <a:pt x="436375" y="61614"/>
                  </a:lnTo>
                  <a:lnTo>
                    <a:pt x="437342" y="62091"/>
                  </a:lnTo>
                  <a:lnTo>
                    <a:pt x="551377" y="62091"/>
                  </a:lnTo>
                  <a:lnTo>
                    <a:pt x="550132" y="61435"/>
                  </a:lnTo>
                  <a:close/>
                </a:path>
              </a:pathLst>
            </a:custGeom>
            <a:solidFill>
              <a:schemeClr val="accent2"/>
            </a:solidFill>
            <a:ln w="3175">
              <a:solidFill>
                <a:schemeClr val="accent2"/>
              </a:solidFill>
            </a:ln>
          </p:spPr>
          <p:txBody>
            <a:bodyPr wrap="square" lIns="0" tIns="0" rIns="0" bIns="0" rtlCol="0"/>
            <a:lstStyle/>
            <a:p>
              <a:endParaRPr sz="2223" dirty="0">
                <a:solidFill>
                  <a:schemeClr val="bg1"/>
                </a:solidFill>
              </a:endParaRPr>
            </a:p>
          </p:txBody>
        </p:sp>
        <p:sp>
          <p:nvSpPr>
            <p:cNvPr id="49" name="object 72">
              <a:extLst>
                <a:ext uri="{FF2B5EF4-FFF2-40B4-BE49-F238E27FC236}">
                  <a16:creationId xmlns:a16="http://schemas.microsoft.com/office/drawing/2014/main" id="{D6DFAF01-4CFD-403E-BC85-A6D3D6FD91D6}"/>
                </a:ext>
              </a:extLst>
            </p:cNvPr>
            <p:cNvSpPr/>
            <p:nvPr userDrawn="1"/>
          </p:nvSpPr>
          <p:spPr>
            <a:xfrm rot="5552678">
              <a:off x="8133202" y="5468452"/>
              <a:ext cx="496942" cy="431554"/>
            </a:xfrm>
            <a:custGeom>
              <a:avLst/>
              <a:gdLst/>
              <a:ahLst/>
              <a:cxnLst/>
              <a:rect l="l" t="t" r="r" b="b"/>
              <a:pathLst>
                <a:path w="750570" h="650875">
                  <a:moveTo>
                    <a:pt x="503491" y="0"/>
                  </a:moveTo>
                  <a:lnTo>
                    <a:pt x="454327" y="3943"/>
                  </a:lnTo>
                  <a:lnTo>
                    <a:pt x="409530" y="12158"/>
                  </a:lnTo>
                  <a:lnTo>
                    <a:pt x="364244" y="29023"/>
                  </a:lnTo>
                  <a:lnTo>
                    <a:pt x="328613" y="53769"/>
                  </a:lnTo>
                  <a:lnTo>
                    <a:pt x="313917" y="69955"/>
                  </a:lnTo>
                  <a:lnTo>
                    <a:pt x="275811" y="48515"/>
                  </a:lnTo>
                  <a:lnTo>
                    <a:pt x="233320" y="35636"/>
                  </a:lnTo>
                  <a:lnTo>
                    <a:pt x="188973" y="31984"/>
                  </a:lnTo>
                  <a:lnTo>
                    <a:pt x="145298" y="38223"/>
                  </a:lnTo>
                  <a:lnTo>
                    <a:pt x="94665" y="67107"/>
                  </a:lnTo>
                  <a:lnTo>
                    <a:pt x="62509" y="106995"/>
                  </a:lnTo>
                  <a:lnTo>
                    <a:pt x="12644" y="193423"/>
                  </a:lnTo>
                  <a:lnTo>
                    <a:pt x="12976" y="211030"/>
                  </a:lnTo>
                  <a:lnTo>
                    <a:pt x="16686" y="252726"/>
                  </a:lnTo>
                  <a:lnTo>
                    <a:pt x="27843" y="301826"/>
                  </a:lnTo>
                  <a:lnTo>
                    <a:pt x="50520" y="341643"/>
                  </a:lnTo>
                  <a:lnTo>
                    <a:pt x="33592" y="354463"/>
                  </a:lnTo>
                  <a:lnTo>
                    <a:pt x="22687" y="367030"/>
                  </a:lnTo>
                  <a:lnTo>
                    <a:pt x="13069" y="386811"/>
                  </a:lnTo>
                  <a:lnTo>
                    <a:pt x="0" y="421271"/>
                  </a:lnTo>
                  <a:lnTo>
                    <a:pt x="357" y="463918"/>
                  </a:lnTo>
                  <a:lnTo>
                    <a:pt x="24097" y="499288"/>
                  </a:lnTo>
                  <a:lnTo>
                    <a:pt x="59228" y="540079"/>
                  </a:lnTo>
                  <a:lnTo>
                    <a:pt x="103128" y="571162"/>
                  </a:lnTo>
                  <a:lnTo>
                    <a:pt x="156690" y="600031"/>
                  </a:lnTo>
                  <a:lnTo>
                    <a:pt x="220631" y="613690"/>
                  </a:lnTo>
                  <a:lnTo>
                    <a:pt x="249499" y="613630"/>
                  </a:lnTo>
                  <a:lnTo>
                    <a:pt x="257956" y="611867"/>
                  </a:lnTo>
                  <a:lnTo>
                    <a:pt x="278413" y="606815"/>
                  </a:lnTo>
                  <a:lnTo>
                    <a:pt x="303500" y="598834"/>
                  </a:lnTo>
                  <a:lnTo>
                    <a:pt x="325847" y="588280"/>
                  </a:lnTo>
                  <a:lnTo>
                    <a:pt x="343634" y="587666"/>
                  </a:lnTo>
                  <a:lnTo>
                    <a:pt x="360784" y="602156"/>
                  </a:lnTo>
                  <a:lnTo>
                    <a:pt x="378136" y="621487"/>
                  </a:lnTo>
                  <a:lnTo>
                    <a:pt x="396527" y="635401"/>
                  </a:lnTo>
                  <a:lnTo>
                    <a:pt x="410912" y="641494"/>
                  </a:lnTo>
                  <a:lnTo>
                    <a:pt x="425761" y="646391"/>
                  </a:lnTo>
                  <a:lnTo>
                    <a:pt x="441024" y="649610"/>
                  </a:lnTo>
                  <a:lnTo>
                    <a:pt x="456651" y="650670"/>
                  </a:lnTo>
                  <a:lnTo>
                    <a:pt x="500564" y="642864"/>
                  </a:lnTo>
                  <a:lnTo>
                    <a:pt x="534293" y="620170"/>
                  </a:lnTo>
                  <a:lnTo>
                    <a:pt x="556945" y="586467"/>
                  </a:lnTo>
                  <a:lnTo>
                    <a:pt x="567627" y="545636"/>
                  </a:lnTo>
                  <a:lnTo>
                    <a:pt x="565445" y="501555"/>
                  </a:lnTo>
                  <a:lnTo>
                    <a:pt x="605778" y="502917"/>
                  </a:lnTo>
                  <a:lnTo>
                    <a:pt x="648035" y="496505"/>
                  </a:lnTo>
                  <a:lnTo>
                    <a:pt x="687906" y="481872"/>
                  </a:lnTo>
                  <a:lnTo>
                    <a:pt x="721082" y="458570"/>
                  </a:lnTo>
                  <a:lnTo>
                    <a:pt x="743253" y="426152"/>
                  </a:lnTo>
                  <a:lnTo>
                    <a:pt x="750110" y="384171"/>
                  </a:lnTo>
                  <a:lnTo>
                    <a:pt x="740484" y="334160"/>
                  </a:lnTo>
                  <a:lnTo>
                    <a:pt x="716275" y="291451"/>
                  </a:lnTo>
                  <a:lnTo>
                    <a:pt x="680861" y="256258"/>
                  </a:lnTo>
                  <a:lnTo>
                    <a:pt x="637617" y="228793"/>
                  </a:lnTo>
                  <a:lnTo>
                    <a:pt x="652194" y="213619"/>
                  </a:lnTo>
                  <a:lnTo>
                    <a:pt x="660961" y="199111"/>
                  </a:lnTo>
                  <a:lnTo>
                    <a:pt x="667435" y="176764"/>
                  </a:lnTo>
                  <a:lnTo>
                    <a:pt x="675135" y="138071"/>
                  </a:lnTo>
                  <a:lnTo>
                    <a:pt x="665353" y="91487"/>
                  </a:lnTo>
                  <a:lnTo>
                    <a:pt x="635470" y="49795"/>
                  </a:lnTo>
                  <a:lnTo>
                    <a:pt x="584665" y="18617"/>
                  </a:lnTo>
                  <a:lnTo>
                    <a:pt x="542239" y="3448"/>
                  </a:lnTo>
                  <a:lnTo>
                    <a:pt x="522888" y="840"/>
                  </a:lnTo>
                  <a:lnTo>
                    <a:pt x="503491" y="0"/>
                  </a:lnTo>
                  <a:close/>
                </a:path>
              </a:pathLst>
            </a:custGeom>
            <a:solidFill>
              <a:schemeClr val="accent5"/>
            </a:solidFill>
            <a:ln w="3175">
              <a:noFill/>
            </a:ln>
          </p:spPr>
          <p:txBody>
            <a:bodyPr wrap="square" lIns="0" tIns="0" rIns="0" bIns="0" rtlCol="0"/>
            <a:lstStyle/>
            <a:p>
              <a:endParaRPr sz="2223" dirty="0">
                <a:solidFill>
                  <a:schemeClr val="bg1"/>
                </a:solidFill>
              </a:endParaRPr>
            </a:p>
          </p:txBody>
        </p:sp>
        <p:sp>
          <p:nvSpPr>
            <p:cNvPr id="54" name="object 7">
              <a:extLst>
                <a:ext uri="{FF2B5EF4-FFF2-40B4-BE49-F238E27FC236}">
                  <a16:creationId xmlns:a16="http://schemas.microsoft.com/office/drawing/2014/main" id="{083BE521-BD67-4795-B7F8-6E57D29B8FF0}"/>
                </a:ext>
              </a:extLst>
            </p:cNvPr>
            <p:cNvSpPr/>
            <p:nvPr userDrawn="1"/>
          </p:nvSpPr>
          <p:spPr>
            <a:xfrm rot="5552678">
              <a:off x="8280840" y="5598664"/>
              <a:ext cx="139591" cy="137122"/>
            </a:xfrm>
            <a:custGeom>
              <a:avLst/>
              <a:gdLst/>
              <a:ahLst/>
              <a:cxnLst/>
              <a:rect l="l" t="t" r="r" b="b"/>
              <a:pathLst>
                <a:path w="791845" h="777875">
                  <a:moveTo>
                    <a:pt x="353924" y="0"/>
                  </a:moveTo>
                  <a:lnTo>
                    <a:pt x="304019" y="4629"/>
                  </a:lnTo>
                  <a:lnTo>
                    <a:pt x="174644" y="70971"/>
                  </a:lnTo>
                  <a:lnTo>
                    <a:pt x="96864" y="155326"/>
                  </a:lnTo>
                  <a:lnTo>
                    <a:pt x="44627" y="231002"/>
                  </a:lnTo>
                  <a:lnTo>
                    <a:pt x="0" y="417374"/>
                  </a:lnTo>
                  <a:lnTo>
                    <a:pt x="692" y="509862"/>
                  </a:lnTo>
                  <a:lnTo>
                    <a:pt x="35886" y="578463"/>
                  </a:lnTo>
                  <a:lnTo>
                    <a:pt x="113863" y="660350"/>
                  </a:lnTo>
                  <a:lnTo>
                    <a:pt x="158025" y="699702"/>
                  </a:lnTo>
                  <a:lnTo>
                    <a:pt x="203714" y="730526"/>
                  </a:lnTo>
                  <a:lnTo>
                    <a:pt x="250493" y="753261"/>
                  </a:lnTo>
                  <a:lnTo>
                    <a:pt x="297925" y="768349"/>
                  </a:lnTo>
                  <a:lnTo>
                    <a:pt x="345574" y="776228"/>
                  </a:lnTo>
                  <a:lnTo>
                    <a:pt x="393001" y="777341"/>
                  </a:lnTo>
                  <a:lnTo>
                    <a:pt x="439770" y="772127"/>
                  </a:lnTo>
                  <a:lnTo>
                    <a:pt x="540820" y="737602"/>
                  </a:lnTo>
                  <a:lnTo>
                    <a:pt x="627745" y="677640"/>
                  </a:lnTo>
                  <a:lnTo>
                    <a:pt x="688634" y="620753"/>
                  </a:lnTo>
                  <a:lnTo>
                    <a:pt x="760446" y="497172"/>
                  </a:lnTo>
                  <a:lnTo>
                    <a:pt x="784689" y="437266"/>
                  </a:lnTo>
                  <a:lnTo>
                    <a:pt x="791462" y="391305"/>
                  </a:lnTo>
                  <a:lnTo>
                    <a:pt x="787924" y="334861"/>
                  </a:lnTo>
                  <a:lnTo>
                    <a:pt x="780114" y="287014"/>
                  </a:lnTo>
                  <a:lnTo>
                    <a:pt x="765048" y="239390"/>
                  </a:lnTo>
                  <a:lnTo>
                    <a:pt x="742287" y="192428"/>
                  </a:lnTo>
                  <a:lnTo>
                    <a:pt x="711388" y="146566"/>
                  </a:lnTo>
                  <a:lnTo>
                    <a:pt x="671913" y="102240"/>
                  </a:lnTo>
                  <a:lnTo>
                    <a:pt x="629673" y="67075"/>
                  </a:lnTo>
                  <a:lnTo>
                    <a:pt x="582898" y="40522"/>
                  </a:lnTo>
                  <a:lnTo>
                    <a:pt x="533406" y="21550"/>
                  </a:lnTo>
                  <a:lnTo>
                    <a:pt x="483013" y="9133"/>
                  </a:lnTo>
                  <a:lnTo>
                    <a:pt x="415214" y="683"/>
                  </a:lnTo>
                  <a:lnTo>
                    <a:pt x="353924" y="0"/>
                  </a:lnTo>
                  <a:close/>
                </a:path>
              </a:pathLst>
            </a:custGeom>
            <a:solidFill>
              <a:srgbClr val="32283C"/>
            </a:solidFill>
            <a:ln w="3175">
              <a:noFill/>
            </a:ln>
          </p:spPr>
          <p:txBody>
            <a:bodyPr wrap="square" lIns="0" tIns="0" rIns="0" bIns="0" rtlCol="0"/>
            <a:lstStyle/>
            <a:p>
              <a:endParaRPr sz="2223">
                <a:solidFill>
                  <a:schemeClr val="bg1"/>
                </a:solidFill>
              </a:endParaRPr>
            </a:p>
          </p:txBody>
        </p:sp>
      </p:grpSp>
      <p:sp>
        <p:nvSpPr>
          <p:cNvPr id="23" name="Pladsholder til tekst 2">
            <a:extLst>
              <a:ext uri="{FF2B5EF4-FFF2-40B4-BE49-F238E27FC236}">
                <a16:creationId xmlns:a16="http://schemas.microsoft.com/office/drawing/2014/main" id="{DC8B4191-3A6C-4F56-BFD9-B90B702D14A1}"/>
              </a:ext>
            </a:extLst>
          </p:cNvPr>
          <p:cNvSpPr>
            <a:spLocks noGrp="1"/>
          </p:cNvSpPr>
          <p:nvPr>
            <p:ph type="body" sz="quarter" idx="15" hasCustomPrompt="1"/>
          </p:nvPr>
        </p:nvSpPr>
        <p:spPr>
          <a:xfrm>
            <a:off x="1260046" y="1561105"/>
            <a:ext cx="6545261" cy="3042603"/>
          </a:xfrm>
          <a:prstGeom prst="rect">
            <a:avLst/>
          </a:prstGeom>
        </p:spPr>
        <p:txBody>
          <a:bodyPr>
            <a:normAutofit/>
          </a:bodyPr>
          <a:lstStyle>
            <a:lvl1pPr marL="0" indent="0">
              <a:spcBef>
                <a:spcPts val="0"/>
              </a:spcBef>
              <a:buNone/>
              <a:defRPr sz="4305" b="1">
                <a:solidFill>
                  <a:srgbClr val="286E3C"/>
                </a:solidFill>
                <a:latin typeface="+mj-lt"/>
              </a:defRPr>
            </a:lvl1pPr>
          </a:lstStyle>
          <a:p>
            <a:pPr lvl="0"/>
            <a:r>
              <a:rPr lang="da-DK" dirty="0"/>
              <a:t>Overskrift 41pt skrives her i to eller flere linjer</a:t>
            </a:r>
          </a:p>
        </p:txBody>
      </p:sp>
      <p:sp>
        <p:nvSpPr>
          <p:cNvPr id="20" name="Pladsholder til tekst 43">
            <a:extLst>
              <a:ext uri="{FF2B5EF4-FFF2-40B4-BE49-F238E27FC236}">
                <a16:creationId xmlns:a16="http://schemas.microsoft.com/office/drawing/2014/main" id="{87094CC4-4D49-4FB1-8CFC-483B80D17947}"/>
              </a:ext>
            </a:extLst>
          </p:cNvPr>
          <p:cNvSpPr>
            <a:spLocks noGrp="1"/>
          </p:cNvSpPr>
          <p:nvPr>
            <p:ph type="body" sz="quarter" idx="13" hasCustomPrompt="1"/>
          </p:nvPr>
        </p:nvSpPr>
        <p:spPr>
          <a:xfrm>
            <a:off x="1260047" y="4688478"/>
            <a:ext cx="6545784" cy="1023935"/>
          </a:xfrm>
          <a:prstGeom prst="rect">
            <a:avLst/>
          </a:prstGeom>
        </p:spPr>
        <p:txBody>
          <a:bodyPr>
            <a:normAutofit/>
          </a:bodyPr>
          <a:lstStyle>
            <a:lvl1pPr marL="0" indent="0">
              <a:lnSpc>
                <a:spcPct val="90000"/>
              </a:lnSpc>
              <a:spcBef>
                <a:spcPts val="0"/>
              </a:spcBef>
              <a:spcAft>
                <a:spcPts val="0"/>
              </a:spcAft>
              <a:buNone/>
              <a:defRPr sz="1575">
                <a:solidFill>
                  <a:schemeClr val="bg1"/>
                </a:solidFill>
                <a:latin typeface="+mn-lt"/>
              </a:defRPr>
            </a:lvl1pPr>
          </a:lstStyle>
          <a:p>
            <a:pPr lvl="0"/>
            <a:r>
              <a:rPr lang="da-DK" dirty="0"/>
              <a:t>Underoverskrift 15pt skrives her i to eller max tre linjer</a:t>
            </a:r>
          </a:p>
        </p:txBody>
      </p:sp>
    </p:spTree>
    <p:extLst>
      <p:ext uri="{BB962C8B-B14F-4D97-AF65-F5344CB8AC3E}">
        <p14:creationId xmlns:p14="http://schemas.microsoft.com/office/powerpoint/2010/main" val="551626375"/>
      </p:ext>
    </p:extLst>
  </p:cSld>
  <p:clrMapOvr>
    <a:overrideClrMapping bg1="dk1" tx1="lt1" bg2="dk2" tx2="lt2" accent1="accent1" accent2="accent2" accent3="accent3" accent4="accent4" accent5="accent5" accent6="accent6" hlink="hlink" folHlink="folHlink"/>
  </p:clrMapOvr>
</p:sldLayout>
</file>

<file path=ppt/slideLayouts/slideLayout20.xml><?xml version="1.0" encoding="utf-8"?>
<p:sldLayout xmlns:a="http://schemas.openxmlformats.org/drawingml/2006/main" xmlns:r="http://schemas.openxmlformats.org/officeDocument/2006/relationships" xmlns:p="http://schemas.openxmlformats.org/presentationml/2006/main" preserve="1" userDrawn="1">
  <p:cSld name="Brugerguide">
    <p:spTree>
      <p:nvGrpSpPr>
        <p:cNvPr id="1" name=""/>
        <p:cNvGrpSpPr/>
        <p:nvPr/>
      </p:nvGrpSpPr>
      <p:grpSpPr>
        <a:xfrm>
          <a:off x="0" y="0"/>
          <a:ext cx="0" cy="0"/>
          <a:chOff x="0" y="0"/>
          <a:chExt cx="0" cy="0"/>
        </a:xfrm>
      </p:grpSpPr>
      <p:sp>
        <p:nvSpPr>
          <p:cNvPr id="2" name="Fast overskrift">
            <a:extLst>
              <a:ext uri="{FF2B5EF4-FFF2-40B4-BE49-F238E27FC236}">
                <a16:creationId xmlns:a16="http://schemas.microsoft.com/office/drawing/2014/main" id="{2ADD3789-FB9B-4A98-947A-323E54A0563E}"/>
              </a:ext>
            </a:extLst>
          </p:cNvPr>
          <p:cNvSpPr txBox="1"/>
          <p:nvPr userDrawn="1"/>
        </p:nvSpPr>
        <p:spPr>
          <a:xfrm>
            <a:off x="755649" y="755653"/>
            <a:ext cx="15553055" cy="910239"/>
          </a:xfrm>
          <a:prstGeom prst="rect">
            <a:avLst/>
          </a:prstGeom>
          <a:noFill/>
        </p:spPr>
        <p:txBody>
          <a:bodyPr wrap="square" lIns="0" tIns="0" rIns="0" bIns="0" rtlCol="0" anchor="b" anchorCtr="0">
            <a:noAutofit/>
          </a:bodyPr>
          <a:lstStyle/>
          <a:p>
            <a:r>
              <a:rPr lang="da-DK" sz="3360" b="0" noProof="1">
                <a:solidFill>
                  <a:schemeClr val="accent5">
                    <a:lumMod val="10000"/>
                  </a:schemeClr>
                </a:solidFill>
                <a:latin typeface="Arial" panose="020B0604020202020204" pitchFamily="34" charset="0"/>
                <a:cs typeface="Arial" panose="020B0604020202020204" pitchFamily="34" charset="0"/>
              </a:rPr>
              <a:t>Brugerguide - Slet før anvendelse</a:t>
            </a:r>
          </a:p>
        </p:txBody>
      </p:sp>
      <p:sp>
        <p:nvSpPr>
          <p:cNvPr id="3" name="Text Box 2">
            <a:extLst>
              <a:ext uri="{FF2B5EF4-FFF2-40B4-BE49-F238E27FC236}">
                <a16:creationId xmlns:a16="http://schemas.microsoft.com/office/drawing/2014/main" id="{947B755B-6448-4596-BA2D-0307AF272C26}"/>
              </a:ext>
            </a:extLst>
          </p:cNvPr>
          <p:cNvSpPr txBox="1">
            <a:spLocks noChangeArrowheads="1"/>
          </p:cNvSpPr>
          <p:nvPr userDrawn="1"/>
        </p:nvSpPr>
        <p:spPr bwMode="auto">
          <a:xfrm>
            <a:off x="782320" y="2071328"/>
            <a:ext cx="3192504" cy="401135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51200" bIns="0" anchor="t" anchorCtr="0">
            <a:sp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eaLnBrk="1" hangingPunct="1">
              <a:spcAft>
                <a:spcPts val="630"/>
              </a:spcAft>
              <a:defRPr/>
            </a:pPr>
            <a:r>
              <a:rPr lang="da-DK" sz="945" b="1" noProof="1">
                <a:solidFill>
                  <a:schemeClr val="accent5">
                    <a:lumMod val="10000"/>
                  </a:schemeClr>
                </a:solidFill>
                <a:latin typeface="Arial" panose="020B0604020202020204" pitchFamily="34" charset="0"/>
                <a:cs typeface="Arial" panose="020B0604020202020204" pitchFamily="34" charset="0"/>
              </a:rPr>
              <a:t>Brug</a:t>
            </a:r>
            <a:r>
              <a:rPr lang="da-DK" sz="945" b="1" baseline="0" noProof="1">
                <a:solidFill>
                  <a:schemeClr val="accent5">
                    <a:lumMod val="10000"/>
                  </a:schemeClr>
                </a:solidFill>
                <a:latin typeface="Arial" panose="020B0604020202020204" pitchFamily="34" charset="0"/>
                <a:cs typeface="Arial" panose="020B0604020202020204" pitchFamily="34" charset="0"/>
              </a:rPr>
              <a:t> tekst typografier</a:t>
            </a:r>
            <a:endParaRPr lang="da-DK" sz="945" b="1" noProof="1">
              <a:solidFill>
                <a:schemeClr val="accent5">
                  <a:lumMod val="10000"/>
                </a:schemeClr>
              </a:solidFill>
              <a:latin typeface="Arial" panose="020B0604020202020204" pitchFamily="34" charset="0"/>
              <a:cs typeface="Arial" panose="020B0604020202020204" pitchFamily="34" charset="0"/>
            </a:endParaRPr>
          </a:p>
          <a:p>
            <a:pPr eaLnBrk="1" hangingPunct="1">
              <a:spcAft>
                <a:spcPts val="630"/>
              </a:spcAft>
              <a:defRPr/>
            </a:pPr>
            <a:r>
              <a:rPr lang="da-DK" altLang="da-DK" sz="945" b="0" noProof="1">
                <a:solidFill>
                  <a:schemeClr val="accent5">
                    <a:lumMod val="10000"/>
                  </a:schemeClr>
                </a:solidFill>
                <a:latin typeface="Arial" panose="020B0604020202020204" pitchFamily="34" charset="0"/>
                <a:cs typeface="Arial" panose="020B0604020202020204" pitchFamily="34" charset="0"/>
              </a:rPr>
              <a:t>Brug</a:t>
            </a:r>
            <a:r>
              <a:rPr lang="da-DK" altLang="da-DK" sz="945" b="1" noProof="1">
                <a:solidFill>
                  <a:schemeClr val="accent5">
                    <a:lumMod val="10000"/>
                  </a:schemeClr>
                </a:solidFill>
                <a:latin typeface="Arial" panose="020B0604020202020204" pitchFamily="34" charset="0"/>
                <a:cs typeface="Arial" panose="020B0604020202020204" pitchFamily="34" charset="0"/>
              </a:rPr>
              <a:t> TAB </a:t>
            </a:r>
            <a:r>
              <a:rPr lang="da-DK" altLang="da-DK" sz="945" b="0" noProof="1">
                <a:solidFill>
                  <a:schemeClr val="accent5">
                    <a:lumMod val="10000"/>
                  </a:schemeClr>
                </a:solidFill>
                <a:latin typeface="Arial" panose="020B0604020202020204" pitchFamily="34" charset="0"/>
                <a:cs typeface="Arial" panose="020B0604020202020204" pitchFamily="34" charset="0"/>
              </a:rPr>
              <a:t>for at gå frem i tekst-niveauer. Klik </a:t>
            </a:r>
            <a:r>
              <a:rPr lang="da-DK" altLang="da-DK" sz="945" b="1" noProof="1">
                <a:solidFill>
                  <a:schemeClr val="accent5">
                    <a:lumMod val="10000"/>
                  </a:schemeClr>
                </a:solidFill>
                <a:latin typeface="Arial" panose="020B0604020202020204" pitchFamily="34" charset="0"/>
                <a:cs typeface="Arial" panose="020B0604020202020204" pitchFamily="34" charset="0"/>
              </a:rPr>
              <a:t>ENTER</a:t>
            </a:r>
            <a:r>
              <a:rPr lang="da-DK" altLang="da-DK" sz="945" b="0" noProof="1">
                <a:solidFill>
                  <a:schemeClr val="accent5">
                    <a:lumMod val="10000"/>
                  </a:schemeClr>
                </a:solidFill>
                <a:latin typeface="Arial" panose="020B0604020202020204" pitchFamily="34" charset="0"/>
                <a:cs typeface="Arial" panose="020B0604020202020204" pitchFamily="34" charset="0"/>
              </a:rPr>
              <a:t>, derefter </a:t>
            </a:r>
            <a:r>
              <a:rPr lang="da-DK" altLang="da-DK" sz="945" b="1" noProof="1">
                <a:solidFill>
                  <a:schemeClr val="accent5">
                    <a:lumMod val="10000"/>
                  </a:schemeClr>
                </a:solidFill>
                <a:latin typeface="Arial" panose="020B0604020202020204" pitchFamily="34" charset="0"/>
                <a:cs typeface="Arial" panose="020B0604020202020204" pitchFamily="34" charset="0"/>
              </a:rPr>
              <a:t>TAB</a:t>
            </a:r>
            <a:r>
              <a:rPr lang="da-DK" altLang="da-DK" sz="945" b="0" noProof="1">
                <a:solidFill>
                  <a:schemeClr val="accent5">
                    <a:lumMod val="10000"/>
                  </a:schemeClr>
                </a:solidFill>
                <a:latin typeface="Arial" panose="020B0604020202020204" pitchFamily="34" charset="0"/>
                <a:cs typeface="Arial" panose="020B0604020202020204" pitchFamily="34" charset="0"/>
              </a:rPr>
              <a:t> for at skifte fra et niveau til et næste</a:t>
            </a:r>
          </a:p>
          <a:p>
            <a:pPr eaLnBrk="1" hangingPunct="1">
              <a:spcAft>
                <a:spcPts val="630"/>
              </a:spcAft>
              <a:defRPr/>
            </a:pPr>
            <a:r>
              <a:rPr lang="da-DK" altLang="da-DK" sz="945" b="0" noProof="1">
                <a:solidFill>
                  <a:schemeClr val="accent5">
                    <a:lumMod val="10000"/>
                  </a:schemeClr>
                </a:solidFill>
                <a:latin typeface="Arial" panose="020B0604020202020204" pitchFamily="34" charset="0"/>
                <a:cs typeface="Arial" panose="020B0604020202020204" pitchFamily="34" charset="0"/>
              </a:rPr>
              <a:t>For at gå tilbage i tekst-niveauer, </a:t>
            </a:r>
            <a:br>
              <a:rPr lang="da-DK" altLang="da-DK" sz="945" b="0" noProof="1">
                <a:solidFill>
                  <a:schemeClr val="accent5">
                    <a:lumMod val="10000"/>
                  </a:schemeClr>
                </a:solidFill>
                <a:latin typeface="Arial" panose="020B0604020202020204" pitchFamily="34" charset="0"/>
                <a:cs typeface="Arial" panose="020B0604020202020204" pitchFamily="34" charset="0"/>
              </a:rPr>
            </a:br>
            <a:r>
              <a:rPr lang="da-DK" altLang="da-DK" sz="945" b="0" noProof="1">
                <a:solidFill>
                  <a:schemeClr val="accent5">
                    <a:lumMod val="10000"/>
                  </a:schemeClr>
                </a:solidFill>
                <a:latin typeface="Arial" panose="020B0604020202020204" pitchFamily="34" charset="0"/>
                <a:cs typeface="Arial" panose="020B0604020202020204" pitchFamily="34" charset="0"/>
              </a:rPr>
              <a:t>brug </a:t>
            </a:r>
            <a:r>
              <a:rPr lang="da-DK" altLang="da-DK" sz="945" b="1" noProof="1">
                <a:solidFill>
                  <a:schemeClr val="accent5">
                    <a:lumMod val="10000"/>
                  </a:schemeClr>
                </a:solidFill>
                <a:latin typeface="Arial" panose="020B0604020202020204" pitchFamily="34" charset="0"/>
                <a:cs typeface="Arial" panose="020B0604020202020204" pitchFamily="34" charset="0"/>
              </a:rPr>
              <a:t>SHIFT+TAB</a:t>
            </a:r>
            <a:endParaRPr lang="da-DK" altLang="da-DK" sz="945" b="0" noProof="1">
              <a:solidFill>
                <a:schemeClr val="accent5">
                  <a:lumMod val="10000"/>
                </a:schemeClr>
              </a:solidFill>
              <a:latin typeface="Arial" panose="020B0604020202020204" pitchFamily="34" charset="0"/>
              <a:cs typeface="Arial" panose="020B0604020202020204" pitchFamily="34" charset="0"/>
            </a:endParaRPr>
          </a:p>
          <a:p>
            <a:pPr eaLnBrk="1" hangingPunct="1">
              <a:spcAft>
                <a:spcPts val="630"/>
              </a:spcAft>
              <a:defRPr/>
            </a:pPr>
            <a:r>
              <a:rPr lang="da-DK" altLang="da-DK" sz="945" b="0" noProof="1">
                <a:solidFill>
                  <a:schemeClr val="accent5">
                    <a:lumMod val="10000"/>
                  </a:schemeClr>
                </a:solidFill>
                <a:latin typeface="Arial" panose="020B0604020202020204" pitchFamily="34" charset="0"/>
                <a:cs typeface="Arial" panose="020B0604020202020204" pitchFamily="34" charset="0"/>
              </a:rPr>
              <a:t>Alternativt kan </a:t>
            </a:r>
            <a:br>
              <a:rPr lang="da-DK" altLang="da-DK" sz="945" b="0" noProof="1">
                <a:solidFill>
                  <a:schemeClr val="accent5">
                    <a:lumMod val="10000"/>
                  </a:schemeClr>
                </a:solidFill>
                <a:latin typeface="Arial" panose="020B0604020202020204" pitchFamily="34" charset="0"/>
                <a:cs typeface="Arial" panose="020B0604020202020204" pitchFamily="34" charset="0"/>
              </a:rPr>
            </a:br>
            <a:r>
              <a:rPr lang="da-DK" altLang="da-DK" sz="945" b="1" noProof="1">
                <a:solidFill>
                  <a:schemeClr val="accent5">
                    <a:lumMod val="10000"/>
                  </a:schemeClr>
                </a:solidFill>
                <a:latin typeface="Arial" panose="020B0604020202020204" pitchFamily="34" charset="0"/>
                <a:cs typeface="Arial" panose="020B0604020202020204" pitchFamily="34" charset="0"/>
              </a:rPr>
              <a:t>Forøg</a:t>
            </a:r>
            <a:r>
              <a:rPr lang="da-DK" altLang="da-DK" sz="945" b="0" noProof="1">
                <a:solidFill>
                  <a:schemeClr val="accent5">
                    <a:lumMod val="10000"/>
                  </a:schemeClr>
                </a:solidFill>
                <a:latin typeface="Arial" panose="020B0604020202020204" pitchFamily="34" charset="0"/>
                <a:cs typeface="Arial" panose="020B0604020202020204" pitchFamily="34" charset="0"/>
              </a:rPr>
              <a:t> og </a:t>
            </a:r>
            <a:r>
              <a:rPr lang="da-DK" altLang="da-DK" sz="945" b="1" noProof="1">
                <a:solidFill>
                  <a:schemeClr val="accent5">
                    <a:lumMod val="10000"/>
                  </a:schemeClr>
                </a:solidFill>
                <a:latin typeface="Arial" panose="020B0604020202020204" pitchFamily="34" charset="0"/>
                <a:cs typeface="Arial" panose="020B0604020202020204" pitchFamily="34" charset="0"/>
              </a:rPr>
              <a:t>Formindsk</a:t>
            </a:r>
            <a:r>
              <a:rPr lang="da-DK" altLang="da-DK" sz="945" b="0" noProof="1">
                <a:solidFill>
                  <a:schemeClr val="accent5">
                    <a:lumMod val="10000"/>
                  </a:schemeClr>
                </a:solidFill>
                <a:latin typeface="Arial" panose="020B0604020202020204" pitchFamily="34" charset="0"/>
                <a:cs typeface="Arial" panose="020B0604020202020204" pitchFamily="34" charset="0"/>
              </a:rPr>
              <a:t> listeniveau bruges</a:t>
            </a:r>
          </a:p>
          <a:p>
            <a:pPr eaLnBrk="1" hangingPunct="1">
              <a:spcBef>
                <a:spcPts val="1260"/>
              </a:spcBef>
              <a:spcAft>
                <a:spcPts val="630"/>
              </a:spcAft>
              <a:defRPr/>
            </a:pPr>
            <a:r>
              <a:rPr lang="da-DK" sz="945" b="1" noProof="1">
                <a:solidFill>
                  <a:schemeClr val="accent5">
                    <a:lumMod val="10000"/>
                  </a:schemeClr>
                </a:solidFill>
                <a:latin typeface="Arial" panose="020B0604020202020204" pitchFamily="34" charset="0"/>
                <a:cs typeface="Arial" panose="020B0604020202020204" pitchFamily="34" charset="0"/>
              </a:rPr>
              <a:t>Ændre slide layouts</a:t>
            </a:r>
            <a:endParaRPr lang="da-DK" altLang="da-DK" sz="945" b="0" noProof="1">
              <a:solidFill>
                <a:schemeClr val="accent5">
                  <a:lumMod val="10000"/>
                </a:schemeClr>
              </a:solidFill>
              <a:latin typeface="Arial" panose="020B0604020202020204" pitchFamily="34" charset="0"/>
              <a:cs typeface="Arial" panose="020B0604020202020204" pitchFamily="34" charset="0"/>
            </a:endParaRPr>
          </a:p>
          <a:p>
            <a:pPr eaLnBrk="1" hangingPunct="1">
              <a:spcAft>
                <a:spcPts val="630"/>
              </a:spcAft>
              <a:defRPr/>
            </a:pPr>
            <a:r>
              <a:rPr lang="da-DK" altLang="da-DK" sz="945" b="1" noProof="1">
                <a:solidFill>
                  <a:schemeClr val="accent5">
                    <a:lumMod val="10000"/>
                  </a:schemeClr>
                </a:solidFill>
                <a:latin typeface="Arial" panose="020B0604020202020204" pitchFamily="34" charset="0"/>
                <a:cs typeface="Arial" panose="020B0604020202020204" pitchFamily="34" charset="0"/>
              </a:rPr>
              <a:t>1. </a:t>
            </a:r>
            <a:r>
              <a:rPr lang="da-DK" altLang="da-DK" sz="945" b="0" noProof="1">
                <a:solidFill>
                  <a:schemeClr val="accent5">
                    <a:lumMod val="10000"/>
                  </a:schemeClr>
                </a:solidFill>
                <a:latin typeface="Arial" panose="020B0604020202020204" pitchFamily="34" charset="0"/>
                <a:cs typeface="Arial" panose="020B0604020202020204" pitchFamily="34" charset="0"/>
              </a:rPr>
              <a:t>Klik på pilen</a:t>
            </a:r>
            <a:r>
              <a:rPr lang="da-DK" altLang="da-DK" sz="945" b="0" baseline="0" noProof="1">
                <a:solidFill>
                  <a:schemeClr val="accent5">
                    <a:lumMod val="10000"/>
                  </a:schemeClr>
                </a:solidFill>
                <a:latin typeface="Arial" panose="020B0604020202020204" pitchFamily="34" charset="0"/>
                <a:cs typeface="Arial" panose="020B0604020202020204" pitchFamily="34" charset="0"/>
              </a:rPr>
              <a:t> ved siden af </a:t>
            </a:r>
            <a:r>
              <a:rPr lang="da-DK" altLang="da-DK" sz="945" b="1" baseline="0" noProof="1">
                <a:solidFill>
                  <a:schemeClr val="accent5">
                    <a:lumMod val="10000"/>
                  </a:schemeClr>
                </a:solidFill>
                <a:latin typeface="Arial" panose="020B0604020202020204" pitchFamily="34" charset="0"/>
                <a:cs typeface="Arial" panose="020B0604020202020204" pitchFamily="34" charset="0"/>
              </a:rPr>
              <a:t>Layout</a:t>
            </a:r>
            <a:r>
              <a:rPr lang="da-DK" altLang="da-DK" sz="945" b="0" baseline="0" noProof="1">
                <a:solidFill>
                  <a:schemeClr val="accent5">
                    <a:lumMod val="10000"/>
                  </a:schemeClr>
                </a:solidFill>
                <a:latin typeface="Arial" panose="020B0604020202020204" pitchFamily="34" charset="0"/>
                <a:cs typeface="Arial" panose="020B0604020202020204" pitchFamily="34" charset="0"/>
              </a:rPr>
              <a:t> </a:t>
            </a:r>
            <a:br>
              <a:rPr lang="da-DK" altLang="da-DK" sz="945" b="0" baseline="0" noProof="1">
                <a:solidFill>
                  <a:schemeClr val="accent5">
                    <a:lumMod val="10000"/>
                  </a:schemeClr>
                </a:solidFill>
                <a:latin typeface="Arial" panose="020B0604020202020204" pitchFamily="34" charset="0"/>
                <a:cs typeface="Arial" panose="020B0604020202020204" pitchFamily="34" charset="0"/>
              </a:rPr>
            </a:br>
            <a:r>
              <a:rPr lang="da-DK" altLang="da-DK" sz="945" b="0" baseline="0" noProof="1">
                <a:solidFill>
                  <a:schemeClr val="accent5">
                    <a:lumMod val="10000"/>
                  </a:schemeClr>
                </a:solidFill>
                <a:latin typeface="Arial" panose="020B0604020202020204" pitchFamily="34" charset="0"/>
                <a:cs typeface="Arial" panose="020B0604020202020204" pitchFamily="34" charset="0"/>
              </a:rPr>
              <a:t>for at få vist en dropdown menu af </a:t>
            </a:r>
            <a:br>
              <a:rPr lang="da-DK" altLang="da-DK" sz="945" b="0" baseline="0" noProof="1">
                <a:solidFill>
                  <a:schemeClr val="accent5">
                    <a:lumMod val="10000"/>
                  </a:schemeClr>
                </a:solidFill>
                <a:latin typeface="Arial" panose="020B0604020202020204" pitchFamily="34" charset="0"/>
                <a:cs typeface="Arial" panose="020B0604020202020204" pitchFamily="34" charset="0"/>
              </a:rPr>
            </a:br>
            <a:r>
              <a:rPr lang="da-DK" altLang="da-DK" sz="945" b="0" baseline="0" noProof="1">
                <a:solidFill>
                  <a:schemeClr val="accent5">
                    <a:lumMod val="10000"/>
                  </a:schemeClr>
                </a:solidFill>
                <a:latin typeface="Arial" panose="020B0604020202020204" pitchFamily="34" charset="0"/>
                <a:cs typeface="Arial" panose="020B0604020202020204" pitchFamily="34" charset="0"/>
              </a:rPr>
              <a:t>mulige slides layout</a:t>
            </a:r>
            <a:endParaRPr lang="da-DK" altLang="da-DK" sz="945" b="0" noProof="1">
              <a:solidFill>
                <a:schemeClr val="accent5">
                  <a:lumMod val="10000"/>
                </a:schemeClr>
              </a:solidFill>
              <a:latin typeface="Arial" panose="020B0604020202020204" pitchFamily="34" charset="0"/>
              <a:cs typeface="Arial" panose="020B0604020202020204" pitchFamily="34" charset="0"/>
            </a:endParaRPr>
          </a:p>
          <a:p>
            <a:pPr eaLnBrk="1" hangingPunct="1">
              <a:spcAft>
                <a:spcPts val="630"/>
              </a:spcAft>
              <a:defRPr/>
            </a:pPr>
            <a:r>
              <a:rPr lang="da-DK" altLang="da-DK" sz="945" b="1" noProof="1">
                <a:solidFill>
                  <a:schemeClr val="accent5">
                    <a:lumMod val="10000"/>
                  </a:schemeClr>
                </a:solidFill>
                <a:latin typeface="Arial" panose="020B0604020202020204" pitchFamily="34" charset="0"/>
                <a:cs typeface="Arial" panose="020B0604020202020204" pitchFamily="34" charset="0"/>
              </a:rPr>
              <a:t>2. </a:t>
            </a:r>
            <a:r>
              <a:rPr lang="da-DK" altLang="da-DK" sz="945" b="0" noProof="1">
                <a:solidFill>
                  <a:schemeClr val="accent5">
                    <a:lumMod val="10000"/>
                  </a:schemeClr>
                </a:solidFill>
                <a:latin typeface="Arial" panose="020B0604020202020204" pitchFamily="34" charset="0"/>
                <a:cs typeface="Arial" panose="020B0604020202020204" pitchFamily="34" charset="0"/>
              </a:rPr>
              <a:t>Vælg </a:t>
            </a:r>
            <a:r>
              <a:rPr lang="da-DK" altLang="da-DK" sz="945" b="1" noProof="1">
                <a:solidFill>
                  <a:schemeClr val="accent5">
                    <a:lumMod val="10000"/>
                  </a:schemeClr>
                </a:solidFill>
                <a:latin typeface="Arial" panose="020B0604020202020204" pitchFamily="34" charset="0"/>
                <a:cs typeface="Arial" panose="020B0604020202020204" pitchFamily="34" charset="0"/>
              </a:rPr>
              <a:t>Layout</a:t>
            </a:r>
            <a:r>
              <a:rPr lang="da-DK" altLang="da-DK" sz="945" b="0" noProof="1">
                <a:solidFill>
                  <a:schemeClr val="accent5">
                    <a:lumMod val="10000"/>
                  </a:schemeClr>
                </a:solidFill>
                <a:latin typeface="Arial" panose="020B0604020202020204" pitchFamily="34" charset="0"/>
                <a:cs typeface="Arial" panose="020B0604020202020204" pitchFamily="34" charset="0"/>
              </a:rPr>
              <a:t> for at ændre dit </a:t>
            </a:r>
            <a:br>
              <a:rPr lang="da-DK" altLang="da-DK" sz="945" b="0" noProof="1">
                <a:solidFill>
                  <a:schemeClr val="accent5">
                    <a:lumMod val="10000"/>
                  </a:schemeClr>
                </a:solidFill>
                <a:latin typeface="Arial" panose="020B0604020202020204" pitchFamily="34" charset="0"/>
                <a:cs typeface="Arial" panose="020B0604020202020204" pitchFamily="34" charset="0"/>
              </a:rPr>
            </a:br>
            <a:r>
              <a:rPr lang="da-DK" altLang="da-DK" sz="945" b="0" noProof="1">
                <a:solidFill>
                  <a:schemeClr val="accent5">
                    <a:lumMod val="10000"/>
                  </a:schemeClr>
                </a:solidFill>
                <a:latin typeface="Arial" panose="020B0604020202020204" pitchFamily="34" charset="0"/>
                <a:cs typeface="Arial" panose="020B0604020202020204" pitchFamily="34" charset="0"/>
              </a:rPr>
              <a:t>nuværende layout til et alternativt</a:t>
            </a:r>
          </a:p>
          <a:p>
            <a:pPr fontAlgn="auto">
              <a:spcBef>
                <a:spcPts val="1260"/>
              </a:spcBef>
              <a:spcAft>
                <a:spcPts val="630"/>
              </a:spcAft>
              <a:buFont typeface="+mj-lt"/>
              <a:buNone/>
              <a:defRPr/>
            </a:pPr>
            <a:r>
              <a:rPr lang="da-DK" sz="945" b="1" noProof="1">
                <a:solidFill>
                  <a:schemeClr val="accent5">
                    <a:lumMod val="10000"/>
                  </a:schemeClr>
                </a:solidFill>
                <a:latin typeface="Arial" panose="020B0604020202020204" pitchFamily="34" charset="0"/>
                <a:cs typeface="Arial" panose="020B0604020202020204" pitchFamily="34" charset="0"/>
              </a:rPr>
              <a:t>Nulstil slide</a:t>
            </a:r>
          </a:p>
          <a:p>
            <a:pPr marL="0" marR="0" indent="0" algn="l" defTabSz="960120" rtl="0" eaLnBrk="1" fontAlgn="auto" latinLnBrk="0" hangingPunct="1">
              <a:lnSpc>
                <a:spcPct val="100000"/>
              </a:lnSpc>
              <a:spcBef>
                <a:spcPts val="0"/>
              </a:spcBef>
              <a:spcAft>
                <a:spcPts val="630"/>
              </a:spcAft>
              <a:buClrTx/>
              <a:buSzTx/>
              <a:buFont typeface="+mj-lt"/>
              <a:buNone/>
              <a:tabLst/>
              <a:defRPr/>
            </a:pPr>
            <a:r>
              <a:rPr lang="da-DK" altLang="da-DK" sz="945" b="1" noProof="1">
                <a:solidFill>
                  <a:schemeClr val="accent5">
                    <a:lumMod val="10000"/>
                  </a:schemeClr>
                </a:solidFill>
                <a:latin typeface="Arial" panose="020B0604020202020204" pitchFamily="34" charset="0"/>
                <a:cs typeface="Arial" panose="020B0604020202020204" pitchFamily="34" charset="0"/>
              </a:rPr>
              <a:t>1. </a:t>
            </a:r>
            <a:r>
              <a:rPr lang="da-DK" altLang="da-DK" sz="945" b="0" noProof="1">
                <a:solidFill>
                  <a:schemeClr val="accent5">
                    <a:lumMod val="10000"/>
                  </a:schemeClr>
                </a:solidFill>
                <a:latin typeface="Arial" panose="020B0604020202020204" pitchFamily="34" charset="0"/>
                <a:cs typeface="Arial" panose="020B0604020202020204" pitchFamily="34" charset="0"/>
              </a:rPr>
              <a:t>Klik på fanen </a:t>
            </a:r>
            <a:r>
              <a:rPr lang="da-DK" altLang="da-DK" sz="945" b="1" noProof="1">
                <a:solidFill>
                  <a:schemeClr val="accent5">
                    <a:lumMod val="10000"/>
                  </a:schemeClr>
                </a:solidFill>
                <a:latin typeface="Arial" panose="020B0604020202020204" pitchFamily="34" charset="0"/>
                <a:cs typeface="Arial" panose="020B0604020202020204" pitchFamily="34" charset="0"/>
              </a:rPr>
              <a:t>Hjem</a:t>
            </a:r>
          </a:p>
          <a:p>
            <a:pPr marL="0" marR="0" indent="0" algn="l" defTabSz="960120" rtl="0" eaLnBrk="1" fontAlgn="auto" latinLnBrk="0" hangingPunct="1">
              <a:lnSpc>
                <a:spcPct val="100000"/>
              </a:lnSpc>
              <a:spcBef>
                <a:spcPts val="0"/>
              </a:spcBef>
              <a:spcAft>
                <a:spcPts val="630"/>
              </a:spcAft>
              <a:buClrTx/>
              <a:buSzTx/>
              <a:buFont typeface="+mj-lt"/>
              <a:buNone/>
              <a:tabLst/>
              <a:defRPr/>
            </a:pPr>
            <a:r>
              <a:rPr lang="da-DK" altLang="da-DK" sz="945" b="1" noProof="1">
                <a:solidFill>
                  <a:schemeClr val="accent5">
                    <a:lumMod val="10000"/>
                  </a:schemeClr>
                </a:solidFill>
                <a:latin typeface="Arial" panose="020B0604020202020204" pitchFamily="34" charset="0"/>
                <a:cs typeface="Arial" panose="020B0604020202020204" pitchFamily="34" charset="0"/>
              </a:rPr>
              <a:t>2. </a:t>
            </a:r>
            <a:r>
              <a:rPr lang="da-DK" altLang="da-DK" sz="945" b="0" noProof="1">
                <a:solidFill>
                  <a:schemeClr val="accent5">
                    <a:lumMod val="10000"/>
                  </a:schemeClr>
                </a:solidFill>
                <a:latin typeface="Arial" panose="020B0604020202020204" pitchFamily="34" charset="0"/>
                <a:cs typeface="Arial" panose="020B0604020202020204" pitchFamily="34" charset="0"/>
              </a:rPr>
              <a:t>Vælg </a:t>
            </a:r>
            <a:r>
              <a:rPr lang="da-DK" altLang="da-DK" sz="945" b="1" noProof="1">
                <a:solidFill>
                  <a:schemeClr val="accent5">
                    <a:lumMod val="10000"/>
                  </a:schemeClr>
                </a:solidFill>
                <a:latin typeface="Arial" panose="020B0604020202020204" pitchFamily="34" charset="0"/>
                <a:cs typeface="Arial" panose="020B0604020202020204" pitchFamily="34" charset="0"/>
              </a:rPr>
              <a:t>Nulstil</a:t>
            </a:r>
            <a:r>
              <a:rPr lang="da-DK" altLang="da-DK" sz="945" b="0" noProof="1">
                <a:solidFill>
                  <a:schemeClr val="accent5">
                    <a:lumMod val="10000"/>
                  </a:schemeClr>
                </a:solidFill>
                <a:latin typeface="Arial" panose="020B0604020202020204" pitchFamily="34" charset="0"/>
                <a:cs typeface="Arial" panose="020B0604020202020204" pitchFamily="34" charset="0"/>
              </a:rPr>
              <a:t> for at nulstille placering, størrelse og formatering af pladsholdere til layoutets oprindelige design</a:t>
            </a:r>
            <a:endParaRPr lang="da-DK" sz="945" noProof="1">
              <a:solidFill>
                <a:schemeClr val="accent5">
                  <a:lumMod val="10000"/>
                </a:schemeClr>
              </a:solidFill>
              <a:latin typeface="Arial" panose="020B0604020202020204" pitchFamily="34" charset="0"/>
              <a:cs typeface="Arial" panose="020B0604020202020204" pitchFamily="34" charset="0"/>
            </a:endParaRPr>
          </a:p>
          <a:p>
            <a:pPr eaLnBrk="1" hangingPunct="1">
              <a:spcAft>
                <a:spcPts val="630"/>
              </a:spcAft>
              <a:defRPr/>
            </a:pPr>
            <a:endParaRPr lang="da-DK" altLang="da-DK" sz="945" b="0" noProof="1">
              <a:solidFill>
                <a:schemeClr val="accent5">
                  <a:lumMod val="10000"/>
                </a:schemeClr>
              </a:solidFill>
              <a:latin typeface="Arial" panose="020B0604020202020204" pitchFamily="34" charset="0"/>
              <a:cs typeface="Arial" panose="020B0604020202020204" pitchFamily="34" charset="0"/>
            </a:endParaRPr>
          </a:p>
        </p:txBody>
      </p:sp>
      <p:pic>
        <p:nvPicPr>
          <p:cNvPr id="4" name="1 Forøg formindsk">
            <a:extLst>
              <a:ext uri="{FF2B5EF4-FFF2-40B4-BE49-F238E27FC236}">
                <a16:creationId xmlns:a16="http://schemas.microsoft.com/office/drawing/2014/main" id="{BE3F2A4D-A970-4373-80B3-67E334A07169}"/>
              </a:ext>
            </a:extLst>
          </p:cNvPr>
          <p:cNvPicPr>
            <a:picLocks noChangeAspect="1"/>
          </p:cNvPicPr>
          <p:nvPr userDrawn="1"/>
        </p:nvPicPr>
        <p:blipFill>
          <a:blip r:embed="rId2"/>
          <a:stretch>
            <a:fillRect/>
          </a:stretch>
        </p:blipFill>
        <p:spPr>
          <a:xfrm>
            <a:off x="3807436" y="3589835"/>
            <a:ext cx="769059" cy="399319"/>
          </a:xfrm>
          <a:prstGeom prst="rect">
            <a:avLst/>
          </a:prstGeom>
        </p:spPr>
      </p:pic>
      <p:pic>
        <p:nvPicPr>
          <p:cNvPr id="5" name="3 Layout">
            <a:extLst>
              <a:ext uri="{FF2B5EF4-FFF2-40B4-BE49-F238E27FC236}">
                <a16:creationId xmlns:a16="http://schemas.microsoft.com/office/drawing/2014/main" id="{7FA72ED7-A94A-4827-AF31-64CC10D6FF18}"/>
              </a:ext>
            </a:extLst>
          </p:cNvPr>
          <p:cNvPicPr>
            <a:picLocks noChangeAspect="1"/>
          </p:cNvPicPr>
          <p:nvPr userDrawn="1"/>
        </p:nvPicPr>
        <p:blipFill rotWithShape="1">
          <a:blip r:embed="rId3"/>
          <a:srcRect l="36944" r="2272" b="69429"/>
          <a:stretch/>
        </p:blipFill>
        <p:spPr>
          <a:xfrm>
            <a:off x="3848573" y="4587803"/>
            <a:ext cx="830715" cy="269095"/>
          </a:xfrm>
          <a:prstGeom prst="rect">
            <a:avLst/>
          </a:prstGeom>
        </p:spPr>
      </p:pic>
      <p:pic>
        <p:nvPicPr>
          <p:cNvPr id="6" name="4 Nulstil">
            <a:extLst>
              <a:ext uri="{FF2B5EF4-FFF2-40B4-BE49-F238E27FC236}">
                <a16:creationId xmlns:a16="http://schemas.microsoft.com/office/drawing/2014/main" id="{1E10C124-BB74-4535-896A-FC0877BDE631}"/>
              </a:ext>
            </a:extLst>
          </p:cNvPr>
          <p:cNvPicPr>
            <a:picLocks noChangeAspect="1"/>
          </p:cNvPicPr>
          <p:nvPr userDrawn="1"/>
        </p:nvPicPr>
        <p:blipFill>
          <a:blip r:embed="rId4"/>
          <a:stretch>
            <a:fillRect/>
          </a:stretch>
        </p:blipFill>
        <p:spPr>
          <a:xfrm>
            <a:off x="3848576" y="6517166"/>
            <a:ext cx="766137" cy="276917"/>
          </a:xfrm>
          <a:prstGeom prst="rect">
            <a:avLst/>
          </a:prstGeom>
        </p:spPr>
      </p:pic>
      <p:sp>
        <p:nvSpPr>
          <p:cNvPr id="7" name="Text Box 3">
            <a:extLst>
              <a:ext uri="{FF2B5EF4-FFF2-40B4-BE49-F238E27FC236}">
                <a16:creationId xmlns:a16="http://schemas.microsoft.com/office/drawing/2014/main" id="{2847F261-485E-4FDF-B16A-229B02B72B88}"/>
              </a:ext>
            </a:extLst>
          </p:cNvPr>
          <p:cNvSpPr txBox="1">
            <a:spLocks noChangeArrowheads="1"/>
          </p:cNvSpPr>
          <p:nvPr userDrawn="1"/>
        </p:nvSpPr>
        <p:spPr bwMode="auto">
          <a:xfrm>
            <a:off x="6077864" y="2071327"/>
            <a:ext cx="3025117" cy="410958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51200" bIns="0" anchor="t" anchorCtr="0">
            <a:sp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eaLnBrk="1" hangingPunct="1">
              <a:spcAft>
                <a:spcPts val="630"/>
              </a:spcAft>
              <a:defRPr/>
            </a:pPr>
            <a:r>
              <a:rPr lang="da-DK" sz="945" b="1" noProof="1">
                <a:solidFill>
                  <a:schemeClr val="accent5">
                    <a:lumMod val="10000"/>
                  </a:schemeClr>
                </a:solidFill>
                <a:latin typeface="Arial" panose="020B0604020202020204" pitchFamily="34" charset="0"/>
                <a:cs typeface="Arial" panose="020B0604020202020204" pitchFamily="34" charset="0"/>
              </a:rPr>
              <a:t>Indsæt billede</a:t>
            </a:r>
          </a:p>
          <a:p>
            <a:pPr eaLnBrk="1" hangingPunct="1">
              <a:spcAft>
                <a:spcPts val="630"/>
              </a:spcAft>
              <a:defRPr/>
            </a:pPr>
            <a:r>
              <a:rPr lang="da-DK" altLang="da-DK" sz="945" b="0" noProof="1">
                <a:solidFill>
                  <a:schemeClr val="accent5">
                    <a:lumMod val="10000"/>
                  </a:schemeClr>
                </a:solidFill>
                <a:latin typeface="Arial" panose="020B0604020202020204" pitchFamily="34" charset="0"/>
                <a:cs typeface="Arial" panose="020B0604020202020204" pitchFamily="34" charset="0"/>
              </a:rPr>
              <a:t>På slides med billedpladsholder eller hvilken som helst anden pladsholder, klik på pladsholderens kant. TIP: Hold Shift nede og klik på pladsholderen</a:t>
            </a:r>
            <a:endParaRPr lang="da-DK" altLang="da-DK" sz="945" noProof="1">
              <a:solidFill>
                <a:schemeClr val="accent5">
                  <a:lumMod val="10000"/>
                </a:schemeClr>
              </a:solidFill>
              <a:latin typeface="Arial" panose="020B0604020202020204" pitchFamily="34" charset="0"/>
              <a:cs typeface="Arial" panose="020B0604020202020204" pitchFamily="34" charset="0"/>
            </a:endParaRPr>
          </a:p>
          <a:p>
            <a:pPr eaLnBrk="1" hangingPunct="1">
              <a:spcBef>
                <a:spcPts val="1260"/>
              </a:spcBef>
              <a:spcAft>
                <a:spcPts val="630"/>
              </a:spcAft>
              <a:defRPr/>
            </a:pPr>
            <a:r>
              <a:rPr lang="da-DK" sz="945" b="1" noProof="1">
                <a:solidFill>
                  <a:schemeClr val="accent5">
                    <a:lumMod val="10000"/>
                  </a:schemeClr>
                </a:solidFill>
                <a:latin typeface="Arial" panose="020B0604020202020204" pitchFamily="34" charset="0"/>
                <a:cs typeface="Arial" panose="020B0604020202020204" pitchFamily="34" charset="0"/>
              </a:rPr>
              <a:t>A. Indsæt firma billede</a:t>
            </a:r>
            <a:endParaRPr lang="da-DK" altLang="da-DK" sz="945" b="0" noProof="1">
              <a:solidFill>
                <a:schemeClr val="accent5">
                  <a:lumMod val="10000"/>
                </a:schemeClr>
              </a:solidFill>
              <a:latin typeface="Arial" panose="020B0604020202020204" pitchFamily="34" charset="0"/>
              <a:cs typeface="Arial" panose="020B0604020202020204" pitchFamily="34" charset="0"/>
            </a:endParaRPr>
          </a:p>
          <a:p>
            <a:pPr marL="0" marR="0" lvl="0" indent="0" algn="l" defTabSz="960120" rtl="0" eaLnBrk="1" fontAlgn="auto" latinLnBrk="0" hangingPunct="1">
              <a:lnSpc>
                <a:spcPct val="100000"/>
              </a:lnSpc>
              <a:spcBef>
                <a:spcPts val="0"/>
              </a:spcBef>
              <a:spcAft>
                <a:spcPts val="630"/>
              </a:spcAft>
              <a:buClrTx/>
              <a:buSzTx/>
              <a:buFontTx/>
              <a:buNone/>
              <a:tabLst/>
              <a:defRPr/>
            </a:pPr>
            <a:r>
              <a:rPr lang="da-DK" altLang="da-DK" sz="945" b="0" noProof="1">
                <a:solidFill>
                  <a:schemeClr val="accent5">
                    <a:lumMod val="10000"/>
                  </a:schemeClr>
                </a:solidFill>
                <a:latin typeface="Arial" panose="020B0604020202020204" pitchFamily="34" charset="0"/>
                <a:cs typeface="Arial" panose="020B0604020202020204" pitchFamily="34" charset="0"/>
              </a:rPr>
              <a:t>1. Klik på den blå </a:t>
            </a:r>
            <a:r>
              <a:rPr lang="da-DK" altLang="da-DK" sz="945" b="1" baseline="0" noProof="1">
                <a:solidFill>
                  <a:schemeClr val="accent5">
                    <a:lumMod val="10000"/>
                  </a:schemeClr>
                </a:solidFill>
                <a:latin typeface="Arial" panose="020B0604020202020204" pitchFamily="34" charset="0"/>
                <a:cs typeface="Arial" panose="020B0604020202020204" pitchFamily="34" charset="0"/>
              </a:rPr>
              <a:t>Templafy</a:t>
            </a:r>
            <a:r>
              <a:rPr lang="da-DK" altLang="da-DK" sz="945" b="0" baseline="0" noProof="1">
                <a:solidFill>
                  <a:schemeClr val="accent5">
                    <a:lumMod val="10000"/>
                  </a:schemeClr>
                </a:solidFill>
                <a:latin typeface="Arial" panose="020B0604020202020204" pitchFamily="34" charset="0"/>
                <a:cs typeface="Arial" panose="020B0604020202020204" pitchFamily="34" charset="0"/>
              </a:rPr>
              <a:t>-knap</a:t>
            </a:r>
          </a:p>
          <a:p>
            <a:pPr marL="0" marR="0" lvl="0" indent="0" algn="l" defTabSz="960120" rtl="0" eaLnBrk="1" fontAlgn="auto" latinLnBrk="0" hangingPunct="1">
              <a:lnSpc>
                <a:spcPct val="100000"/>
              </a:lnSpc>
              <a:spcBef>
                <a:spcPts val="0"/>
              </a:spcBef>
              <a:spcAft>
                <a:spcPts val="630"/>
              </a:spcAft>
              <a:buClrTx/>
              <a:buSzTx/>
              <a:buFontTx/>
              <a:buNone/>
              <a:tabLst/>
              <a:defRPr/>
            </a:pPr>
            <a:r>
              <a:rPr lang="da-DK" altLang="da-DK" sz="945" b="0" baseline="0" noProof="1">
                <a:solidFill>
                  <a:schemeClr val="accent5">
                    <a:lumMod val="10000"/>
                  </a:schemeClr>
                </a:solidFill>
                <a:latin typeface="Arial" panose="020B0604020202020204" pitchFamily="34" charset="0"/>
                <a:cs typeface="Arial" panose="020B0604020202020204" pitchFamily="34" charset="0"/>
              </a:rPr>
              <a:t>2. I drop ned menuen, vælg </a:t>
            </a:r>
            <a:r>
              <a:rPr lang="da-DK" altLang="da-DK" sz="945" b="1" baseline="0" noProof="1">
                <a:solidFill>
                  <a:schemeClr val="accent5">
                    <a:lumMod val="10000"/>
                  </a:schemeClr>
                </a:solidFill>
                <a:latin typeface="Arial" panose="020B0604020202020204" pitchFamily="34" charset="0"/>
                <a:cs typeface="Arial" panose="020B0604020202020204" pitchFamily="34" charset="0"/>
              </a:rPr>
              <a:t>Images</a:t>
            </a:r>
            <a:r>
              <a:rPr lang="da-DK" altLang="da-DK" sz="945" b="0" baseline="0" noProof="1">
                <a:solidFill>
                  <a:schemeClr val="accent5">
                    <a:lumMod val="10000"/>
                  </a:schemeClr>
                </a:solidFill>
                <a:latin typeface="Arial" panose="020B0604020202020204" pitchFamily="34" charset="0"/>
                <a:cs typeface="Arial" panose="020B0604020202020204" pitchFamily="34" charset="0"/>
              </a:rPr>
              <a:t>, </a:t>
            </a:r>
            <a:br>
              <a:rPr lang="da-DK" altLang="da-DK" sz="945" b="0" baseline="0" noProof="1">
                <a:solidFill>
                  <a:schemeClr val="accent5">
                    <a:lumMod val="10000"/>
                  </a:schemeClr>
                </a:solidFill>
                <a:latin typeface="Arial" panose="020B0604020202020204" pitchFamily="34" charset="0"/>
                <a:cs typeface="Arial" panose="020B0604020202020204" pitchFamily="34" charset="0"/>
              </a:rPr>
            </a:br>
            <a:r>
              <a:rPr lang="da-DK" altLang="da-DK" sz="945" b="0" baseline="0" noProof="1">
                <a:solidFill>
                  <a:schemeClr val="accent5">
                    <a:lumMod val="10000"/>
                  </a:schemeClr>
                </a:solidFill>
                <a:latin typeface="Arial" panose="020B0604020202020204" pitchFamily="34" charset="0"/>
                <a:cs typeface="Arial" panose="020B0604020202020204" pitchFamily="34" charset="0"/>
              </a:rPr>
              <a:t>eller klik på </a:t>
            </a:r>
            <a:r>
              <a:rPr lang="da-DK" altLang="da-DK" sz="945" b="1" baseline="0" noProof="1">
                <a:solidFill>
                  <a:schemeClr val="accent5">
                    <a:lumMod val="10000"/>
                  </a:schemeClr>
                </a:solidFill>
                <a:latin typeface="Arial" panose="020B0604020202020204" pitchFamily="34" charset="0"/>
                <a:cs typeface="Arial" panose="020B0604020202020204" pitchFamily="34" charset="0"/>
              </a:rPr>
              <a:t>Images</a:t>
            </a:r>
            <a:r>
              <a:rPr lang="da-DK" altLang="da-DK" sz="945" b="0" i="0" baseline="0" noProof="1">
                <a:solidFill>
                  <a:schemeClr val="accent5">
                    <a:lumMod val="10000"/>
                  </a:schemeClr>
                </a:solidFill>
                <a:latin typeface="Arial" panose="020B0604020202020204" pitchFamily="34" charset="0"/>
                <a:cs typeface="Arial" panose="020B0604020202020204" pitchFamily="34" charset="0"/>
              </a:rPr>
              <a:t>-knappen</a:t>
            </a:r>
            <a:r>
              <a:rPr lang="da-DK" altLang="da-DK" sz="945" b="0" baseline="0" noProof="1">
                <a:solidFill>
                  <a:schemeClr val="accent5">
                    <a:lumMod val="10000"/>
                  </a:schemeClr>
                </a:solidFill>
                <a:latin typeface="Arial" panose="020B0604020202020204" pitchFamily="34" charset="0"/>
                <a:cs typeface="Arial" panose="020B0604020202020204" pitchFamily="34" charset="0"/>
              </a:rPr>
              <a:t> i Templafy vinduet i højre side af skærmen</a:t>
            </a:r>
            <a:endParaRPr lang="da-DK" altLang="da-DK" sz="945" noProof="1">
              <a:solidFill>
                <a:schemeClr val="accent5">
                  <a:lumMod val="10000"/>
                </a:schemeClr>
              </a:solidFill>
              <a:latin typeface="Arial" panose="020B0604020202020204" pitchFamily="34" charset="0"/>
              <a:cs typeface="Arial" panose="020B0604020202020204" pitchFamily="34" charset="0"/>
            </a:endParaRPr>
          </a:p>
          <a:p>
            <a:pPr eaLnBrk="1" hangingPunct="1">
              <a:spcBef>
                <a:spcPts val="1260"/>
              </a:spcBef>
              <a:spcAft>
                <a:spcPts val="630"/>
              </a:spcAft>
              <a:defRPr/>
            </a:pPr>
            <a:r>
              <a:rPr lang="da-DK" altLang="da-DK" sz="945" b="1" baseline="0" noProof="1">
                <a:solidFill>
                  <a:schemeClr val="accent5">
                    <a:lumMod val="10000"/>
                  </a:schemeClr>
                </a:solidFill>
                <a:latin typeface="Arial" panose="020B0604020202020204" pitchFamily="34" charset="0"/>
                <a:cs typeface="Arial" panose="020B0604020202020204" pitchFamily="34" charset="0"/>
              </a:rPr>
              <a:t>B. Browse efter andre billeder</a:t>
            </a:r>
          </a:p>
          <a:p>
            <a:pPr eaLnBrk="1" hangingPunct="1">
              <a:spcAft>
                <a:spcPts val="630"/>
              </a:spcAft>
              <a:defRPr/>
            </a:pPr>
            <a:r>
              <a:rPr lang="da-DK" altLang="da-DK" sz="945" b="1" noProof="1">
                <a:solidFill>
                  <a:schemeClr val="accent5">
                    <a:lumMod val="10000"/>
                  </a:schemeClr>
                </a:solidFill>
                <a:latin typeface="Arial" panose="020B0604020202020204" pitchFamily="34" charset="0"/>
                <a:cs typeface="Arial" panose="020B0604020202020204" pitchFamily="34" charset="0"/>
              </a:rPr>
              <a:t>1. </a:t>
            </a:r>
            <a:r>
              <a:rPr lang="da-DK" altLang="da-DK" sz="945" b="0" noProof="1">
                <a:solidFill>
                  <a:schemeClr val="accent5">
                    <a:lumMod val="10000"/>
                  </a:schemeClr>
                </a:solidFill>
                <a:latin typeface="Arial" panose="020B0604020202020204" pitchFamily="34" charset="0"/>
                <a:cs typeface="Arial" panose="020B0604020202020204" pitchFamily="34" charset="0"/>
              </a:rPr>
              <a:t>Klik</a:t>
            </a:r>
            <a:r>
              <a:rPr lang="da-DK" altLang="da-DK" sz="945" b="0" baseline="0" noProof="1">
                <a:solidFill>
                  <a:schemeClr val="accent5">
                    <a:lumMod val="10000"/>
                  </a:schemeClr>
                </a:solidFill>
                <a:latin typeface="Arial" panose="020B0604020202020204" pitchFamily="34" charset="0"/>
                <a:cs typeface="Arial" panose="020B0604020202020204" pitchFamily="34" charset="0"/>
              </a:rPr>
              <a:t> på </a:t>
            </a:r>
            <a:r>
              <a:rPr lang="da-DK" altLang="da-DK" sz="945" b="1" baseline="0" noProof="1">
                <a:solidFill>
                  <a:schemeClr val="accent5">
                    <a:lumMod val="10000"/>
                  </a:schemeClr>
                </a:solidFill>
                <a:latin typeface="Arial" panose="020B0604020202020204" pitchFamily="34" charset="0"/>
                <a:cs typeface="Arial" panose="020B0604020202020204" pitchFamily="34" charset="0"/>
              </a:rPr>
              <a:t>Image Tools-</a:t>
            </a:r>
            <a:r>
              <a:rPr lang="da-DK" altLang="da-DK" sz="945" b="0" baseline="0" noProof="1">
                <a:solidFill>
                  <a:schemeClr val="accent5">
                    <a:lumMod val="10000"/>
                  </a:schemeClr>
                </a:solidFill>
                <a:latin typeface="Arial" panose="020B0604020202020204" pitchFamily="34" charset="0"/>
                <a:cs typeface="Arial" panose="020B0604020202020204" pitchFamily="34" charset="0"/>
              </a:rPr>
              <a:t>knappen</a:t>
            </a:r>
            <a:br>
              <a:rPr lang="da-DK" altLang="da-DK" sz="945" b="0" baseline="0" noProof="1">
                <a:solidFill>
                  <a:schemeClr val="accent5">
                    <a:lumMod val="10000"/>
                  </a:schemeClr>
                </a:solidFill>
                <a:latin typeface="Arial" panose="020B0604020202020204" pitchFamily="34" charset="0"/>
                <a:cs typeface="Arial" panose="020B0604020202020204" pitchFamily="34" charset="0"/>
              </a:rPr>
            </a:br>
            <a:r>
              <a:rPr lang="da-DK" altLang="da-DK" sz="945" b="0" baseline="0" noProof="1">
                <a:solidFill>
                  <a:schemeClr val="accent5">
                    <a:lumMod val="10000"/>
                  </a:schemeClr>
                </a:solidFill>
                <a:latin typeface="Arial" panose="020B0604020202020204" pitchFamily="34" charset="0"/>
                <a:cs typeface="Arial" panose="020B0604020202020204" pitchFamily="34" charset="0"/>
              </a:rPr>
              <a:t>som findes under firma fanen</a:t>
            </a:r>
          </a:p>
          <a:p>
            <a:pPr eaLnBrk="1" hangingPunct="1">
              <a:spcAft>
                <a:spcPts val="630"/>
              </a:spcAft>
              <a:defRPr/>
            </a:pPr>
            <a:r>
              <a:rPr lang="da-DK" altLang="da-DK" sz="945" b="1" baseline="0" noProof="1">
                <a:solidFill>
                  <a:schemeClr val="accent5">
                    <a:lumMod val="10000"/>
                  </a:schemeClr>
                </a:solidFill>
                <a:latin typeface="Arial" panose="020B0604020202020204" pitchFamily="34" charset="0"/>
                <a:cs typeface="Arial" panose="020B0604020202020204" pitchFamily="34" charset="0"/>
              </a:rPr>
              <a:t>2. </a:t>
            </a:r>
            <a:r>
              <a:rPr lang="da-DK" altLang="da-DK" sz="945" b="0" baseline="0" noProof="1">
                <a:solidFill>
                  <a:schemeClr val="accent5">
                    <a:lumMod val="10000"/>
                  </a:schemeClr>
                </a:solidFill>
                <a:latin typeface="Arial" panose="020B0604020202020204" pitchFamily="34" charset="0"/>
                <a:cs typeface="Arial" panose="020B0604020202020204" pitchFamily="34" charset="0"/>
              </a:rPr>
              <a:t>Klik på </a:t>
            </a:r>
            <a:r>
              <a:rPr lang="da-DK" altLang="da-DK" sz="945" b="1" baseline="0" noProof="1">
                <a:solidFill>
                  <a:schemeClr val="accent5">
                    <a:lumMod val="10000"/>
                  </a:schemeClr>
                </a:solidFill>
                <a:latin typeface="Arial" panose="020B0604020202020204" pitchFamily="34" charset="0"/>
                <a:cs typeface="Arial" panose="020B0604020202020204" pitchFamily="34" charset="0"/>
              </a:rPr>
              <a:t>Indsæt</a:t>
            </a:r>
            <a:r>
              <a:rPr lang="da-DK" altLang="da-DK" sz="945" b="0" baseline="0" noProof="1">
                <a:solidFill>
                  <a:schemeClr val="accent5">
                    <a:lumMod val="10000"/>
                  </a:schemeClr>
                </a:solidFill>
                <a:latin typeface="Arial" panose="020B0604020202020204" pitchFamily="34" charset="0"/>
                <a:cs typeface="Arial" panose="020B0604020202020204" pitchFamily="34" charset="0"/>
              </a:rPr>
              <a:t> for at browse </a:t>
            </a:r>
            <a:br>
              <a:rPr lang="da-DK" altLang="da-DK" sz="945" b="0" baseline="0" noProof="1">
                <a:solidFill>
                  <a:schemeClr val="accent5">
                    <a:lumMod val="10000"/>
                  </a:schemeClr>
                </a:solidFill>
                <a:latin typeface="Arial" panose="020B0604020202020204" pitchFamily="34" charset="0"/>
                <a:cs typeface="Arial" panose="020B0604020202020204" pitchFamily="34" charset="0"/>
              </a:rPr>
            </a:br>
            <a:r>
              <a:rPr lang="da-DK" altLang="da-DK" sz="945" b="0" baseline="0" noProof="1">
                <a:solidFill>
                  <a:schemeClr val="accent5">
                    <a:lumMod val="10000"/>
                  </a:schemeClr>
                </a:solidFill>
                <a:latin typeface="Arial" panose="020B0604020202020204" pitchFamily="34" charset="0"/>
                <a:cs typeface="Arial" panose="020B0604020202020204" pitchFamily="34" charset="0"/>
              </a:rPr>
              <a:t>efter et billede</a:t>
            </a:r>
            <a:endParaRPr lang="da-DK" altLang="da-DK" sz="945" noProof="1">
              <a:solidFill>
                <a:schemeClr val="accent5">
                  <a:lumMod val="10000"/>
                </a:schemeClr>
              </a:solidFill>
              <a:latin typeface="Arial" panose="020B0604020202020204" pitchFamily="34" charset="0"/>
              <a:cs typeface="Arial" panose="020B0604020202020204" pitchFamily="34" charset="0"/>
            </a:endParaRPr>
          </a:p>
          <a:p>
            <a:pPr eaLnBrk="1" hangingPunct="1">
              <a:spcBef>
                <a:spcPts val="1260"/>
              </a:spcBef>
              <a:spcAft>
                <a:spcPts val="630"/>
              </a:spcAft>
              <a:defRPr/>
            </a:pPr>
            <a:r>
              <a:rPr lang="da-DK" sz="945" b="1" dirty="0">
                <a:solidFill>
                  <a:schemeClr val="accent5">
                    <a:lumMod val="10000"/>
                  </a:schemeClr>
                </a:solidFill>
                <a:latin typeface="Arial" panose="020B0604020202020204" pitchFamily="34" charset="0"/>
                <a:ea typeface="Times New Roman" panose="02020603050405020304" pitchFamily="18" charset="0"/>
              </a:rPr>
              <a:t>C. Indsæt et kopieret billede</a:t>
            </a:r>
            <a:endParaRPr lang="da-DK" altLang="da-DK" sz="945" noProof="1">
              <a:solidFill>
                <a:schemeClr val="accent5">
                  <a:lumMod val="10000"/>
                </a:schemeClr>
              </a:solidFill>
              <a:latin typeface="Arial" panose="020B0604020202020204" pitchFamily="34" charset="0"/>
              <a:cs typeface="Arial" panose="020B0604020202020204" pitchFamily="34" charset="0"/>
            </a:endParaRPr>
          </a:p>
          <a:p>
            <a:pPr marL="0" marR="0" lvl="0" indent="0" algn="l" defTabSz="960120" rtl="0" eaLnBrk="1" fontAlgn="auto" latinLnBrk="0" hangingPunct="1">
              <a:lnSpc>
                <a:spcPct val="100000"/>
              </a:lnSpc>
              <a:spcBef>
                <a:spcPts val="0"/>
              </a:spcBef>
              <a:spcAft>
                <a:spcPts val="630"/>
              </a:spcAft>
              <a:buClrTx/>
              <a:buSzTx/>
              <a:buFontTx/>
              <a:buNone/>
              <a:tabLst/>
              <a:defRPr/>
            </a:pPr>
            <a:r>
              <a:rPr lang="da-DK" altLang="da-DK" sz="945" b="1" noProof="1">
                <a:solidFill>
                  <a:schemeClr val="accent5">
                    <a:lumMod val="10000"/>
                  </a:schemeClr>
                </a:solidFill>
                <a:latin typeface="Arial" panose="020B0604020202020204" pitchFamily="34" charset="0"/>
                <a:cs typeface="Arial" panose="020B0604020202020204" pitchFamily="34" charset="0"/>
              </a:rPr>
              <a:t>1. </a:t>
            </a:r>
            <a:r>
              <a:rPr lang="da-DK" altLang="da-DK" sz="945" b="0" noProof="1">
                <a:solidFill>
                  <a:schemeClr val="accent5">
                    <a:lumMod val="10000"/>
                  </a:schemeClr>
                </a:solidFill>
                <a:latin typeface="Arial" panose="020B0604020202020204" pitchFamily="34" charset="0"/>
                <a:cs typeface="Arial" panose="020B0604020202020204" pitchFamily="34" charset="0"/>
              </a:rPr>
              <a:t>Klik på </a:t>
            </a:r>
            <a:r>
              <a:rPr lang="da-DK" altLang="da-DK" sz="945" b="1" baseline="0" noProof="1">
                <a:solidFill>
                  <a:schemeClr val="accent5">
                    <a:lumMod val="10000"/>
                  </a:schemeClr>
                </a:solidFill>
                <a:latin typeface="Arial" panose="020B0604020202020204" pitchFamily="34" charset="0"/>
                <a:cs typeface="Arial" panose="020B0604020202020204" pitchFamily="34" charset="0"/>
              </a:rPr>
              <a:t>Image Tools-</a:t>
            </a:r>
            <a:r>
              <a:rPr lang="da-DK" altLang="da-DK" sz="945" b="0" baseline="0" noProof="1">
                <a:solidFill>
                  <a:schemeClr val="accent5">
                    <a:lumMod val="10000"/>
                  </a:schemeClr>
                </a:solidFill>
                <a:latin typeface="Arial" panose="020B0604020202020204" pitchFamily="34" charset="0"/>
                <a:cs typeface="Arial" panose="020B0604020202020204" pitchFamily="34" charset="0"/>
              </a:rPr>
              <a:t>knappen</a:t>
            </a:r>
            <a:r>
              <a:rPr lang="da-DK" altLang="da-DK" sz="945" b="1" baseline="0" noProof="1">
                <a:solidFill>
                  <a:schemeClr val="accent5">
                    <a:lumMod val="10000"/>
                  </a:schemeClr>
                </a:solidFill>
                <a:latin typeface="Arial" panose="020B0604020202020204" pitchFamily="34" charset="0"/>
                <a:cs typeface="Arial" panose="020B0604020202020204" pitchFamily="34" charset="0"/>
              </a:rPr>
              <a:t> </a:t>
            </a:r>
            <a:br>
              <a:rPr lang="da-DK" altLang="da-DK" sz="945" b="1" baseline="0" noProof="1">
                <a:solidFill>
                  <a:schemeClr val="accent5">
                    <a:lumMod val="10000"/>
                  </a:schemeClr>
                </a:solidFill>
                <a:latin typeface="Arial" panose="020B0604020202020204" pitchFamily="34" charset="0"/>
                <a:cs typeface="Arial" panose="020B0604020202020204" pitchFamily="34" charset="0"/>
              </a:rPr>
            </a:br>
            <a:r>
              <a:rPr lang="da-DK" altLang="da-DK" sz="945" b="0" baseline="0" noProof="1">
                <a:solidFill>
                  <a:schemeClr val="accent5">
                    <a:lumMod val="10000"/>
                  </a:schemeClr>
                </a:solidFill>
                <a:latin typeface="Arial" panose="020B0604020202020204" pitchFamily="34" charset="0"/>
                <a:cs typeface="Arial" panose="020B0604020202020204" pitchFamily="34" charset="0"/>
              </a:rPr>
              <a:t>som findes under firma fanen </a:t>
            </a:r>
          </a:p>
          <a:p>
            <a:pPr eaLnBrk="1" hangingPunct="1">
              <a:spcAft>
                <a:spcPts val="630"/>
              </a:spcAft>
              <a:defRPr/>
            </a:pPr>
            <a:r>
              <a:rPr lang="da-DK" altLang="da-DK" sz="945" b="1" baseline="0" noProof="1">
                <a:solidFill>
                  <a:schemeClr val="accent5">
                    <a:lumMod val="10000"/>
                  </a:schemeClr>
                </a:solidFill>
                <a:latin typeface="Arial" panose="020B0604020202020204" pitchFamily="34" charset="0"/>
                <a:cs typeface="Arial" panose="020B0604020202020204" pitchFamily="34" charset="0"/>
              </a:rPr>
              <a:t>2. </a:t>
            </a:r>
            <a:r>
              <a:rPr lang="da-DK" altLang="da-DK" sz="945" b="0" baseline="0" noProof="1">
                <a:solidFill>
                  <a:schemeClr val="accent5">
                    <a:lumMod val="10000"/>
                  </a:schemeClr>
                </a:solidFill>
                <a:latin typeface="Arial" panose="020B0604020202020204" pitchFamily="34" charset="0"/>
                <a:cs typeface="Arial" panose="020B0604020202020204" pitchFamily="34" charset="0"/>
              </a:rPr>
              <a:t>Klik på </a:t>
            </a:r>
            <a:r>
              <a:rPr lang="da-DK" altLang="da-DK" sz="945" b="1" baseline="0" noProof="1">
                <a:solidFill>
                  <a:schemeClr val="accent5">
                    <a:lumMod val="10000"/>
                  </a:schemeClr>
                </a:solidFill>
                <a:latin typeface="Arial" panose="020B0604020202020204" pitchFamily="34" charset="0"/>
                <a:cs typeface="Arial" panose="020B0604020202020204" pitchFamily="34" charset="0"/>
              </a:rPr>
              <a:t>Paste</a:t>
            </a:r>
            <a:r>
              <a:rPr lang="da-DK" altLang="da-DK" sz="945" b="0" baseline="0" noProof="1">
                <a:solidFill>
                  <a:schemeClr val="accent5">
                    <a:lumMod val="10000"/>
                  </a:schemeClr>
                </a:solidFill>
                <a:latin typeface="Arial" panose="020B0604020202020204" pitchFamily="34" charset="0"/>
                <a:cs typeface="Arial" panose="020B0604020202020204" pitchFamily="34" charset="0"/>
              </a:rPr>
              <a:t> for at indsætte det kopierede billede</a:t>
            </a:r>
            <a:endParaRPr lang="da-DK" altLang="da-DK" sz="945" b="1" noProof="1">
              <a:solidFill>
                <a:schemeClr val="accent5">
                  <a:lumMod val="10000"/>
                </a:schemeClr>
              </a:solidFill>
              <a:latin typeface="Arial" panose="020B0604020202020204" pitchFamily="34" charset="0"/>
              <a:cs typeface="Arial" panose="020B0604020202020204" pitchFamily="34" charset="0"/>
            </a:endParaRPr>
          </a:p>
          <a:p>
            <a:pPr eaLnBrk="1" hangingPunct="1">
              <a:spcAft>
                <a:spcPts val="630"/>
              </a:spcAft>
              <a:defRPr/>
            </a:pPr>
            <a:endParaRPr lang="da-DK" altLang="da-DK" sz="945" b="1" noProof="1">
              <a:solidFill>
                <a:schemeClr val="accent5">
                  <a:lumMod val="10000"/>
                </a:schemeClr>
              </a:solidFill>
              <a:latin typeface="Arial" panose="020B0604020202020204" pitchFamily="34" charset="0"/>
              <a:cs typeface="Arial" panose="020B0604020202020204" pitchFamily="34" charset="0"/>
            </a:endParaRPr>
          </a:p>
        </p:txBody>
      </p:sp>
      <p:grpSp>
        <p:nvGrpSpPr>
          <p:cNvPr id="8" name="Gruppe 7">
            <a:extLst>
              <a:ext uri="{FF2B5EF4-FFF2-40B4-BE49-F238E27FC236}">
                <a16:creationId xmlns:a16="http://schemas.microsoft.com/office/drawing/2014/main" id="{B67D74D2-BE20-473E-9418-AA15C3DC3E5D}"/>
              </a:ext>
            </a:extLst>
          </p:cNvPr>
          <p:cNvGrpSpPr/>
          <p:nvPr userDrawn="1"/>
        </p:nvGrpSpPr>
        <p:grpSpPr>
          <a:xfrm>
            <a:off x="8738040" y="4678378"/>
            <a:ext cx="1036557" cy="1308740"/>
            <a:chOff x="6398620" y="3815586"/>
            <a:chExt cx="740398" cy="934814"/>
          </a:xfrm>
        </p:grpSpPr>
        <p:pic>
          <p:nvPicPr>
            <p:cNvPr id="9" name="6 Crop">
              <a:extLst>
                <a:ext uri="{FF2B5EF4-FFF2-40B4-BE49-F238E27FC236}">
                  <a16:creationId xmlns:a16="http://schemas.microsoft.com/office/drawing/2014/main" id="{172BDEE7-3755-4542-B9D2-CF94D61F3279}"/>
                </a:ext>
              </a:extLst>
            </p:cNvPr>
            <p:cNvPicPr>
              <a:picLocks noChangeAspect="1"/>
            </p:cNvPicPr>
            <p:nvPr userDrawn="1"/>
          </p:nvPicPr>
          <p:blipFill>
            <a:blip r:embed="rId5"/>
            <a:stretch>
              <a:fillRect/>
            </a:stretch>
          </p:blipFill>
          <p:spPr>
            <a:xfrm>
              <a:off x="6398620" y="3815586"/>
              <a:ext cx="337400" cy="321707"/>
            </a:xfrm>
            <a:prstGeom prst="rect">
              <a:avLst/>
            </a:prstGeom>
          </p:spPr>
        </p:pic>
        <p:pic>
          <p:nvPicPr>
            <p:cNvPr id="10" name="Billede 9">
              <a:extLst>
                <a:ext uri="{FF2B5EF4-FFF2-40B4-BE49-F238E27FC236}">
                  <a16:creationId xmlns:a16="http://schemas.microsoft.com/office/drawing/2014/main" id="{1A421CAD-5267-4F56-80ED-F88342883118}"/>
                </a:ext>
              </a:extLst>
            </p:cNvPr>
            <p:cNvPicPr>
              <a:picLocks noChangeAspect="1"/>
            </p:cNvPicPr>
            <p:nvPr userDrawn="1"/>
          </p:nvPicPr>
          <p:blipFill rotWithShape="1">
            <a:blip r:embed="rId6"/>
            <a:srcRect l="1304" t="11451" r="30180" b="26335"/>
            <a:stretch/>
          </p:blipFill>
          <p:spPr>
            <a:xfrm>
              <a:off x="6442770" y="4118189"/>
              <a:ext cx="696248" cy="632211"/>
            </a:xfrm>
            <a:prstGeom prst="rect">
              <a:avLst/>
            </a:prstGeom>
            <a:ln w="3175">
              <a:solidFill>
                <a:schemeClr val="bg1">
                  <a:lumMod val="95000"/>
                </a:schemeClr>
              </a:solidFill>
            </a:ln>
          </p:spPr>
        </p:pic>
      </p:grpSp>
      <p:grpSp>
        <p:nvGrpSpPr>
          <p:cNvPr id="11" name="Gruppe 10">
            <a:extLst>
              <a:ext uri="{FF2B5EF4-FFF2-40B4-BE49-F238E27FC236}">
                <a16:creationId xmlns:a16="http://schemas.microsoft.com/office/drawing/2014/main" id="{EE603751-BFC1-4D3D-B6CA-35D9AC83F8C2}"/>
              </a:ext>
            </a:extLst>
          </p:cNvPr>
          <p:cNvGrpSpPr/>
          <p:nvPr userDrawn="1"/>
        </p:nvGrpSpPr>
        <p:grpSpPr>
          <a:xfrm>
            <a:off x="8728286" y="6132972"/>
            <a:ext cx="1036556" cy="1301430"/>
            <a:chOff x="6391652" y="4854581"/>
            <a:chExt cx="740397" cy="929593"/>
          </a:xfrm>
        </p:grpSpPr>
        <p:pic>
          <p:nvPicPr>
            <p:cNvPr id="12" name="6 Crop">
              <a:extLst>
                <a:ext uri="{FF2B5EF4-FFF2-40B4-BE49-F238E27FC236}">
                  <a16:creationId xmlns:a16="http://schemas.microsoft.com/office/drawing/2014/main" id="{AC6171F8-563F-4302-A350-A94231C5C275}"/>
                </a:ext>
              </a:extLst>
            </p:cNvPr>
            <p:cNvPicPr>
              <a:picLocks noChangeAspect="1"/>
            </p:cNvPicPr>
            <p:nvPr userDrawn="1"/>
          </p:nvPicPr>
          <p:blipFill>
            <a:blip r:embed="rId5"/>
            <a:stretch>
              <a:fillRect/>
            </a:stretch>
          </p:blipFill>
          <p:spPr>
            <a:xfrm>
              <a:off x="6391652" y="4854581"/>
              <a:ext cx="337400" cy="321707"/>
            </a:xfrm>
            <a:prstGeom prst="rect">
              <a:avLst/>
            </a:prstGeom>
          </p:spPr>
        </p:pic>
        <p:pic>
          <p:nvPicPr>
            <p:cNvPr id="13" name="Billede 12">
              <a:extLst>
                <a:ext uri="{FF2B5EF4-FFF2-40B4-BE49-F238E27FC236}">
                  <a16:creationId xmlns:a16="http://schemas.microsoft.com/office/drawing/2014/main" id="{111851DA-0020-4C30-A3F7-5847B0627487}"/>
                </a:ext>
              </a:extLst>
            </p:cNvPr>
            <p:cNvPicPr>
              <a:picLocks noChangeAspect="1"/>
            </p:cNvPicPr>
            <p:nvPr userDrawn="1"/>
          </p:nvPicPr>
          <p:blipFill rotWithShape="1">
            <a:blip r:embed="rId7"/>
            <a:srcRect l="1152" t="11676" r="31017" b="26411"/>
            <a:stretch/>
          </p:blipFill>
          <p:spPr>
            <a:xfrm>
              <a:off x="6442770" y="5155024"/>
              <a:ext cx="689279" cy="629150"/>
            </a:xfrm>
            <a:prstGeom prst="rect">
              <a:avLst/>
            </a:prstGeom>
            <a:ln w="3175">
              <a:solidFill>
                <a:schemeClr val="bg1">
                  <a:lumMod val="95000"/>
                </a:schemeClr>
              </a:solidFill>
            </a:ln>
          </p:spPr>
        </p:pic>
      </p:grpSp>
      <p:grpSp>
        <p:nvGrpSpPr>
          <p:cNvPr id="14" name="Gruppe 13">
            <a:extLst>
              <a:ext uri="{FF2B5EF4-FFF2-40B4-BE49-F238E27FC236}">
                <a16:creationId xmlns:a16="http://schemas.microsoft.com/office/drawing/2014/main" id="{B26EFE25-D0DD-4BE9-A7F1-8AD6D821B282}"/>
              </a:ext>
            </a:extLst>
          </p:cNvPr>
          <p:cNvGrpSpPr/>
          <p:nvPr userDrawn="1"/>
        </p:nvGrpSpPr>
        <p:grpSpPr>
          <a:xfrm>
            <a:off x="8799852" y="3132731"/>
            <a:ext cx="947336" cy="1396786"/>
            <a:chOff x="6442771" y="2574072"/>
            <a:chExt cx="676669" cy="997704"/>
          </a:xfrm>
        </p:grpSpPr>
        <p:pic>
          <p:nvPicPr>
            <p:cNvPr id="15" name="Billede 14">
              <a:extLst>
                <a:ext uri="{FF2B5EF4-FFF2-40B4-BE49-F238E27FC236}">
                  <a16:creationId xmlns:a16="http://schemas.microsoft.com/office/drawing/2014/main" id="{C60EBFD0-662E-46F5-AC1E-C62225B7EC46}"/>
                </a:ext>
              </a:extLst>
            </p:cNvPr>
            <p:cNvPicPr>
              <a:picLocks noChangeAspect="1"/>
            </p:cNvPicPr>
            <p:nvPr userDrawn="1"/>
          </p:nvPicPr>
          <p:blipFill>
            <a:blip r:embed="rId8"/>
            <a:stretch>
              <a:fillRect/>
            </a:stretch>
          </p:blipFill>
          <p:spPr>
            <a:xfrm>
              <a:off x="6442771" y="2574072"/>
              <a:ext cx="305786" cy="365851"/>
            </a:xfrm>
            <a:prstGeom prst="rect">
              <a:avLst/>
            </a:prstGeom>
          </p:spPr>
        </p:pic>
        <p:pic>
          <p:nvPicPr>
            <p:cNvPr id="16" name="Billede 15">
              <a:extLst>
                <a:ext uri="{FF2B5EF4-FFF2-40B4-BE49-F238E27FC236}">
                  <a16:creationId xmlns:a16="http://schemas.microsoft.com/office/drawing/2014/main" id="{F578A2A6-5D18-489A-9584-8C2E6B895901}"/>
                </a:ext>
              </a:extLst>
            </p:cNvPr>
            <p:cNvPicPr>
              <a:picLocks noChangeAspect="1"/>
            </p:cNvPicPr>
            <p:nvPr userDrawn="1"/>
          </p:nvPicPr>
          <p:blipFill rotWithShape="1">
            <a:blip r:embed="rId9"/>
            <a:srcRect l="1432" t="16308" r="2422" b="1509"/>
            <a:stretch/>
          </p:blipFill>
          <p:spPr>
            <a:xfrm>
              <a:off x="6444587" y="2943287"/>
              <a:ext cx="674853" cy="628489"/>
            </a:xfrm>
            <a:prstGeom prst="rect">
              <a:avLst/>
            </a:prstGeom>
            <a:ln w="3175">
              <a:solidFill>
                <a:schemeClr val="bg1">
                  <a:lumMod val="95000"/>
                </a:schemeClr>
              </a:solidFill>
            </a:ln>
          </p:spPr>
        </p:pic>
      </p:grpSp>
      <p:sp>
        <p:nvSpPr>
          <p:cNvPr id="17" name="Text Box 3">
            <a:extLst>
              <a:ext uri="{FF2B5EF4-FFF2-40B4-BE49-F238E27FC236}">
                <a16:creationId xmlns:a16="http://schemas.microsoft.com/office/drawing/2014/main" id="{2681039D-A854-4409-B2A5-DCA452AD138D}"/>
              </a:ext>
            </a:extLst>
          </p:cNvPr>
          <p:cNvSpPr txBox="1">
            <a:spLocks noChangeArrowheads="1"/>
          </p:cNvSpPr>
          <p:nvPr userDrawn="1"/>
        </p:nvSpPr>
        <p:spPr bwMode="auto">
          <a:xfrm>
            <a:off x="11175757" y="2071328"/>
            <a:ext cx="3592756" cy="474694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51200" bIns="0" anchor="t" anchorCtr="0">
            <a:sp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eaLnBrk="1" hangingPunct="1">
              <a:spcBef>
                <a:spcPts val="1260"/>
              </a:spcBef>
              <a:spcAft>
                <a:spcPts val="630"/>
              </a:spcAft>
              <a:defRPr/>
            </a:pPr>
            <a:r>
              <a:rPr lang="da-DK" sz="945" b="1" noProof="1">
                <a:solidFill>
                  <a:schemeClr val="accent5">
                    <a:lumMod val="10000"/>
                  </a:schemeClr>
                </a:solidFill>
                <a:latin typeface="Arial" panose="020B0604020202020204" pitchFamily="34" charset="0"/>
                <a:cs typeface="Arial" panose="020B0604020202020204" pitchFamily="34" charset="0"/>
              </a:rPr>
              <a:t>Beskær billede</a:t>
            </a:r>
          </a:p>
          <a:p>
            <a:pPr eaLnBrk="1" hangingPunct="1">
              <a:spcAft>
                <a:spcPts val="630"/>
              </a:spcAft>
              <a:defRPr/>
            </a:pPr>
            <a:r>
              <a:rPr lang="da-DK" altLang="da-DK" sz="945" b="1" noProof="1">
                <a:solidFill>
                  <a:schemeClr val="accent5">
                    <a:lumMod val="10000"/>
                  </a:schemeClr>
                </a:solidFill>
                <a:latin typeface="Arial" panose="020B0604020202020204" pitchFamily="34" charset="0"/>
                <a:cs typeface="Arial" panose="020B0604020202020204" pitchFamily="34" charset="0"/>
              </a:rPr>
              <a:t>1. </a:t>
            </a:r>
            <a:r>
              <a:rPr lang="da-DK" altLang="da-DK" sz="945" b="0" noProof="1">
                <a:solidFill>
                  <a:schemeClr val="accent5">
                    <a:lumMod val="10000"/>
                  </a:schemeClr>
                </a:solidFill>
                <a:latin typeface="Arial" panose="020B0604020202020204" pitchFamily="34" charset="0"/>
                <a:cs typeface="Arial" panose="020B0604020202020204" pitchFamily="34" charset="0"/>
              </a:rPr>
              <a:t>Klik </a:t>
            </a:r>
            <a:r>
              <a:rPr lang="da-DK" altLang="da-DK" sz="945" b="1" noProof="1">
                <a:solidFill>
                  <a:schemeClr val="accent5">
                    <a:lumMod val="10000"/>
                  </a:schemeClr>
                </a:solidFill>
                <a:latin typeface="Arial" panose="020B0604020202020204" pitchFamily="34" charset="0"/>
                <a:cs typeface="Arial" panose="020B0604020202020204" pitchFamily="34" charset="0"/>
              </a:rPr>
              <a:t>Beskær</a:t>
            </a:r>
            <a:r>
              <a:rPr lang="da-DK" altLang="da-DK" sz="945" b="0" noProof="1">
                <a:solidFill>
                  <a:schemeClr val="accent5">
                    <a:lumMod val="10000"/>
                  </a:schemeClr>
                </a:solidFill>
                <a:latin typeface="Arial" panose="020B0604020202020204" pitchFamily="34" charset="0"/>
                <a:cs typeface="Arial" panose="020B0604020202020204" pitchFamily="34" charset="0"/>
              </a:rPr>
              <a:t> for at ændre </a:t>
            </a:r>
            <a:br>
              <a:rPr lang="da-DK" altLang="da-DK" sz="945" b="0" noProof="1">
                <a:solidFill>
                  <a:schemeClr val="accent5">
                    <a:lumMod val="10000"/>
                  </a:schemeClr>
                </a:solidFill>
                <a:latin typeface="Arial" panose="020B0604020202020204" pitchFamily="34" charset="0"/>
                <a:cs typeface="Arial" panose="020B0604020202020204" pitchFamily="34" charset="0"/>
              </a:rPr>
            </a:br>
            <a:r>
              <a:rPr lang="da-DK" altLang="da-DK" sz="945" b="0" noProof="1">
                <a:solidFill>
                  <a:schemeClr val="accent5">
                    <a:lumMod val="10000"/>
                  </a:schemeClr>
                </a:solidFill>
                <a:latin typeface="Arial" panose="020B0604020202020204" pitchFamily="34" charset="0"/>
                <a:cs typeface="Arial" panose="020B0604020202020204" pitchFamily="34" charset="0"/>
              </a:rPr>
              <a:t>billedets fokus/størrelse</a:t>
            </a:r>
          </a:p>
          <a:p>
            <a:pPr eaLnBrk="1" hangingPunct="1">
              <a:spcAft>
                <a:spcPts val="630"/>
              </a:spcAft>
              <a:defRPr/>
            </a:pPr>
            <a:r>
              <a:rPr lang="da-DK" altLang="da-DK" sz="945" b="1" noProof="1">
                <a:solidFill>
                  <a:schemeClr val="accent5">
                    <a:lumMod val="10000"/>
                  </a:schemeClr>
                </a:solidFill>
                <a:latin typeface="Arial" panose="020B0604020202020204" pitchFamily="34" charset="0"/>
                <a:cs typeface="Arial" panose="020B0604020202020204" pitchFamily="34" charset="0"/>
              </a:rPr>
              <a:t>2. </a:t>
            </a:r>
            <a:r>
              <a:rPr lang="da-DK" altLang="da-DK" sz="945" b="0" noProof="1">
                <a:solidFill>
                  <a:schemeClr val="accent5">
                    <a:lumMod val="10000"/>
                  </a:schemeClr>
                </a:solidFill>
                <a:latin typeface="Arial" panose="020B0604020202020204" pitchFamily="34" charset="0"/>
                <a:cs typeface="Arial" panose="020B0604020202020204" pitchFamily="34" charset="0"/>
              </a:rPr>
              <a:t>Ønsker du at skalere billedet, så </a:t>
            </a:r>
            <a:br>
              <a:rPr lang="da-DK" altLang="da-DK" sz="945" b="0" noProof="1">
                <a:solidFill>
                  <a:schemeClr val="accent5">
                    <a:lumMod val="10000"/>
                  </a:schemeClr>
                </a:solidFill>
                <a:latin typeface="Arial" panose="020B0604020202020204" pitchFamily="34" charset="0"/>
                <a:cs typeface="Arial" panose="020B0604020202020204" pitchFamily="34" charset="0"/>
              </a:rPr>
            </a:br>
            <a:r>
              <a:rPr lang="da-DK" altLang="da-DK" sz="945" b="0" noProof="1">
                <a:solidFill>
                  <a:schemeClr val="accent5">
                    <a:lumMod val="10000"/>
                  </a:schemeClr>
                </a:solidFill>
                <a:latin typeface="Arial" panose="020B0604020202020204" pitchFamily="34" charset="0"/>
                <a:cs typeface="Arial" panose="020B0604020202020204" pitchFamily="34" charset="0"/>
              </a:rPr>
              <a:t>hold </a:t>
            </a:r>
            <a:r>
              <a:rPr lang="da-DK" altLang="da-DK" sz="945" b="1" noProof="1">
                <a:solidFill>
                  <a:schemeClr val="accent5">
                    <a:lumMod val="10000"/>
                  </a:schemeClr>
                </a:solidFill>
                <a:latin typeface="Arial" panose="020B0604020202020204" pitchFamily="34" charset="0"/>
                <a:cs typeface="Arial" panose="020B0604020202020204" pitchFamily="34" charset="0"/>
              </a:rPr>
              <a:t>SHIFT</a:t>
            </a:r>
            <a:r>
              <a:rPr lang="da-DK" altLang="da-DK" sz="945" b="0" noProof="1">
                <a:solidFill>
                  <a:schemeClr val="accent5">
                    <a:lumMod val="10000"/>
                  </a:schemeClr>
                </a:solidFill>
                <a:latin typeface="Arial" panose="020B0604020202020204" pitchFamily="34" charset="0"/>
                <a:cs typeface="Arial" panose="020B0604020202020204" pitchFamily="34" charset="0"/>
              </a:rPr>
              <a:t>-knappen nede, mens </a:t>
            </a:r>
            <a:br>
              <a:rPr lang="da-DK" altLang="da-DK" sz="945" b="0" noProof="1">
                <a:solidFill>
                  <a:schemeClr val="accent5">
                    <a:lumMod val="10000"/>
                  </a:schemeClr>
                </a:solidFill>
                <a:latin typeface="Arial" panose="020B0604020202020204" pitchFamily="34" charset="0"/>
                <a:cs typeface="Arial" panose="020B0604020202020204" pitchFamily="34" charset="0"/>
              </a:rPr>
            </a:br>
            <a:r>
              <a:rPr lang="da-DK" altLang="da-DK" sz="945" b="0" noProof="1">
                <a:solidFill>
                  <a:schemeClr val="accent5">
                    <a:lumMod val="10000"/>
                  </a:schemeClr>
                </a:solidFill>
                <a:latin typeface="Arial" panose="020B0604020202020204" pitchFamily="34" charset="0"/>
                <a:cs typeface="Arial" panose="020B0604020202020204" pitchFamily="34" charset="0"/>
              </a:rPr>
              <a:t>du trækker i billedets hjørner</a:t>
            </a:r>
          </a:p>
          <a:p>
            <a:pPr eaLnBrk="1" hangingPunct="1">
              <a:spcAft>
                <a:spcPts val="630"/>
              </a:spcAft>
              <a:defRPr/>
            </a:pPr>
            <a:r>
              <a:rPr lang="da-DK" altLang="da-DK" sz="945" b="1" noProof="1">
                <a:solidFill>
                  <a:schemeClr val="accent5">
                    <a:lumMod val="10000"/>
                  </a:schemeClr>
                </a:solidFill>
                <a:latin typeface="Arial" panose="020B0604020202020204" pitchFamily="34" charset="0"/>
                <a:cs typeface="Arial" panose="020B0604020202020204" pitchFamily="34" charset="0"/>
              </a:rPr>
              <a:t>Tips: </a:t>
            </a:r>
            <a:r>
              <a:rPr lang="da-DK" altLang="da-DK" sz="945" b="0" noProof="1">
                <a:solidFill>
                  <a:schemeClr val="accent5">
                    <a:lumMod val="10000"/>
                  </a:schemeClr>
                </a:solidFill>
                <a:latin typeface="Arial" panose="020B0604020202020204" pitchFamily="34" charset="0"/>
                <a:cs typeface="Arial" panose="020B0604020202020204" pitchFamily="34" charset="0"/>
              </a:rPr>
              <a:t>Hvis du sletter billedet og indsætter </a:t>
            </a:r>
            <a:br>
              <a:rPr lang="da-DK" altLang="da-DK" sz="945" b="0" noProof="1">
                <a:solidFill>
                  <a:schemeClr val="accent5">
                    <a:lumMod val="10000"/>
                  </a:schemeClr>
                </a:solidFill>
                <a:latin typeface="Arial" panose="020B0604020202020204" pitchFamily="34" charset="0"/>
                <a:cs typeface="Arial" panose="020B0604020202020204" pitchFamily="34" charset="0"/>
              </a:rPr>
            </a:br>
            <a:r>
              <a:rPr lang="da-DK" altLang="da-DK" sz="945" b="0" noProof="1">
                <a:solidFill>
                  <a:schemeClr val="accent5">
                    <a:lumMod val="10000"/>
                  </a:schemeClr>
                </a:solidFill>
                <a:latin typeface="Arial" panose="020B0604020202020204" pitchFamily="34" charset="0"/>
                <a:cs typeface="Arial" panose="020B0604020202020204" pitchFamily="34" charset="0"/>
              </a:rPr>
              <a:t>et nyt, kan billedet lægge sig foran tekst og grafik. Hvis dette sker, højreklik på billedet </a:t>
            </a:r>
            <a:br>
              <a:rPr lang="da-DK" altLang="da-DK" sz="945" b="0" noProof="1">
                <a:solidFill>
                  <a:schemeClr val="accent5">
                    <a:lumMod val="10000"/>
                  </a:schemeClr>
                </a:solidFill>
                <a:latin typeface="Arial" panose="020B0604020202020204" pitchFamily="34" charset="0"/>
                <a:cs typeface="Arial" panose="020B0604020202020204" pitchFamily="34" charset="0"/>
              </a:rPr>
            </a:br>
            <a:r>
              <a:rPr lang="da-DK" altLang="da-DK" sz="945" b="0" noProof="1">
                <a:solidFill>
                  <a:schemeClr val="accent5">
                    <a:lumMod val="10000"/>
                  </a:schemeClr>
                </a:solidFill>
                <a:latin typeface="Arial" panose="020B0604020202020204" pitchFamily="34" charset="0"/>
                <a:cs typeface="Arial" panose="020B0604020202020204" pitchFamily="34" charset="0"/>
              </a:rPr>
              <a:t>og vælg </a:t>
            </a:r>
            <a:r>
              <a:rPr lang="da-DK" altLang="da-DK" sz="945" b="1" noProof="1">
                <a:solidFill>
                  <a:schemeClr val="accent5">
                    <a:lumMod val="10000"/>
                  </a:schemeClr>
                </a:solidFill>
                <a:latin typeface="Arial" panose="020B0604020202020204" pitchFamily="34" charset="0"/>
                <a:cs typeface="Arial" panose="020B0604020202020204" pitchFamily="34" charset="0"/>
              </a:rPr>
              <a:t>Placer bagest</a:t>
            </a:r>
          </a:p>
          <a:p>
            <a:pPr eaLnBrk="1" hangingPunct="1">
              <a:spcBef>
                <a:spcPts val="1260"/>
              </a:spcBef>
              <a:spcAft>
                <a:spcPts val="630"/>
              </a:spcAft>
              <a:defRPr/>
            </a:pPr>
            <a:r>
              <a:rPr lang="da-DK" sz="945" b="1" noProof="1">
                <a:solidFill>
                  <a:schemeClr val="accent5">
                    <a:lumMod val="10000"/>
                  </a:schemeClr>
                </a:solidFill>
                <a:latin typeface="Arial" panose="020B0604020202020204" pitchFamily="34" charset="0"/>
                <a:cs typeface="Arial" panose="020B0604020202020204" pitchFamily="34" charset="0"/>
              </a:rPr>
              <a:t>For at justere sidenummerering, </a:t>
            </a:r>
            <a:br>
              <a:rPr lang="da-DK" sz="945" b="1" noProof="1">
                <a:solidFill>
                  <a:schemeClr val="accent5">
                    <a:lumMod val="10000"/>
                  </a:schemeClr>
                </a:solidFill>
                <a:latin typeface="Arial" panose="020B0604020202020204" pitchFamily="34" charset="0"/>
                <a:cs typeface="Arial" panose="020B0604020202020204" pitchFamily="34" charset="0"/>
              </a:rPr>
            </a:br>
            <a:r>
              <a:rPr lang="da-DK" sz="945" b="1" noProof="1">
                <a:solidFill>
                  <a:schemeClr val="accent5">
                    <a:lumMod val="10000"/>
                  </a:schemeClr>
                </a:solidFill>
                <a:latin typeface="Arial" panose="020B0604020202020204" pitchFamily="34" charset="0"/>
                <a:cs typeface="Arial" panose="020B0604020202020204" pitchFamily="34" charset="0"/>
              </a:rPr>
              <a:t>dato og sidefod</a:t>
            </a:r>
          </a:p>
          <a:p>
            <a:pPr marL="0" marR="0" lvl="0" indent="0" algn="l" defTabSz="960120" rtl="0" eaLnBrk="1" fontAlgn="auto" latinLnBrk="0" hangingPunct="1">
              <a:lnSpc>
                <a:spcPct val="100000"/>
              </a:lnSpc>
              <a:spcBef>
                <a:spcPts val="0"/>
              </a:spcBef>
              <a:spcAft>
                <a:spcPts val="630"/>
              </a:spcAft>
              <a:buClrTx/>
              <a:buSzTx/>
              <a:buFontTx/>
              <a:buNone/>
              <a:tabLst/>
              <a:defRPr/>
            </a:pPr>
            <a:r>
              <a:rPr lang="da-DK" altLang="da-DK" sz="945" b="0" noProof="1">
                <a:solidFill>
                  <a:schemeClr val="accent5">
                    <a:lumMod val="10000"/>
                  </a:schemeClr>
                </a:solidFill>
                <a:latin typeface="Arial" panose="020B0604020202020204" pitchFamily="34" charset="0"/>
                <a:cs typeface="Arial" panose="020B0604020202020204" pitchFamily="34" charset="0"/>
              </a:rPr>
              <a:t>Gør dette som</a:t>
            </a:r>
            <a:r>
              <a:rPr lang="da-DK" altLang="da-DK" sz="945" b="0" baseline="0" noProof="1">
                <a:solidFill>
                  <a:schemeClr val="accent5">
                    <a:lumMod val="10000"/>
                  </a:schemeClr>
                </a:solidFill>
                <a:latin typeface="Arial" panose="020B0604020202020204" pitchFamily="34" charset="0"/>
                <a:cs typeface="Arial" panose="020B0604020202020204" pitchFamily="34" charset="0"/>
              </a:rPr>
              <a:t> det sidste i din præsentation, </a:t>
            </a:r>
            <a:br>
              <a:rPr lang="da-DK" altLang="da-DK" sz="945" b="0" baseline="0" noProof="1">
                <a:solidFill>
                  <a:schemeClr val="accent5">
                    <a:lumMod val="10000"/>
                  </a:schemeClr>
                </a:solidFill>
                <a:latin typeface="Arial" panose="020B0604020202020204" pitchFamily="34" charset="0"/>
                <a:cs typeface="Arial" panose="020B0604020202020204" pitchFamily="34" charset="0"/>
              </a:rPr>
            </a:br>
            <a:r>
              <a:rPr lang="da-DK" altLang="da-DK" sz="945" b="0" baseline="0" noProof="1">
                <a:solidFill>
                  <a:schemeClr val="accent5">
                    <a:lumMod val="10000"/>
                  </a:schemeClr>
                </a:solidFill>
                <a:latin typeface="Arial" panose="020B0604020202020204" pitchFamily="34" charset="0"/>
                <a:cs typeface="Arial" panose="020B0604020202020204" pitchFamily="34" charset="0"/>
              </a:rPr>
              <a:t>så det slår igennem på alle slides</a:t>
            </a:r>
            <a:endParaRPr lang="da-DK" sz="945" b="1" noProof="1">
              <a:solidFill>
                <a:schemeClr val="accent5">
                  <a:lumMod val="10000"/>
                </a:schemeClr>
              </a:solidFill>
              <a:latin typeface="Arial" panose="020B0604020202020204" pitchFamily="34" charset="0"/>
              <a:cs typeface="Arial" panose="020B0604020202020204" pitchFamily="34" charset="0"/>
            </a:endParaRPr>
          </a:p>
          <a:p>
            <a:pPr eaLnBrk="1" hangingPunct="1">
              <a:spcAft>
                <a:spcPts val="630"/>
              </a:spcAft>
              <a:defRPr/>
            </a:pPr>
            <a:r>
              <a:rPr lang="da-DK" altLang="da-DK" sz="945" b="1" noProof="1">
                <a:solidFill>
                  <a:schemeClr val="accent5">
                    <a:lumMod val="10000"/>
                  </a:schemeClr>
                </a:solidFill>
                <a:latin typeface="Arial" panose="020B0604020202020204" pitchFamily="34" charset="0"/>
                <a:cs typeface="Arial" panose="020B0604020202020204" pitchFamily="34" charset="0"/>
              </a:rPr>
              <a:t>1. </a:t>
            </a:r>
            <a:r>
              <a:rPr lang="da-DK" altLang="da-DK" sz="945" b="0" noProof="1">
                <a:solidFill>
                  <a:schemeClr val="accent5">
                    <a:lumMod val="10000"/>
                  </a:schemeClr>
                </a:solidFill>
                <a:latin typeface="Arial" panose="020B0604020202020204" pitchFamily="34" charset="0"/>
                <a:cs typeface="Arial" panose="020B0604020202020204" pitchFamily="34" charset="0"/>
              </a:rPr>
              <a:t>Klik på fanen </a:t>
            </a:r>
            <a:r>
              <a:rPr lang="da-DK" altLang="da-DK" sz="945" b="1" noProof="1">
                <a:solidFill>
                  <a:schemeClr val="accent5">
                    <a:lumMod val="10000"/>
                  </a:schemeClr>
                </a:solidFill>
                <a:latin typeface="Arial" panose="020B0604020202020204" pitchFamily="34" charset="0"/>
                <a:cs typeface="Arial" panose="020B0604020202020204" pitchFamily="34" charset="0"/>
              </a:rPr>
              <a:t>Indsæt</a:t>
            </a:r>
          </a:p>
          <a:p>
            <a:pPr eaLnBrk="1" hangingPunct="1">
              <a:spcAft>
                <a:spcPts val="630"/>
              </a:spcAft>
              <a:defRPr/>
            </a:pPr>
            <a:r>
              <a:rPr lang="da-DK" altLang="da-DK" sz="945" b="1" noProof="1">
                <a:solidFill>
                  <a:schemeClr val="accent5">
                    <a:lumMod val="10000"/>
                  </a:schemeClr>
                </a:solidFill>
                <a:latin typeface="Arial" panose="020B0604020202020204" pitchFamily="34" charset="0"/>
                <a:cs typeface="Arial" panose="020B0604020202020204" pitchFamily="34" charset="0"/>
              </a:rPr>
              <a:t>2. </a:t>
            </a:r>
            <a:r>
              <a:rPr lang="da-DK" altLang="da-DK" sz="945" b="0" noProof="1">
                <a:solidFill>
                  <a:schemeClr val="accent5">
                    <a:lumMod val="10000"/>
                  </a:schemeClr>
                </a:solidFill>
                <a:latin typeface="Arial" panose="020B0604020202020204" pitchFamily="34" charset="0"/>
                <a:cs typeface="Arial" panose="020B0604020202020204" pitchFamily="34" charset="0"/>
              </a:rPr>
              <a:t>Klik </a:t>
            </a:r>
            <a:r>
              <a:rPr lang="da-DK" altLang="da-DK" sz="945" b="1" noProof="1">
                <a:solidFill>
                  <a:schemeClr val="accent5">
                    <a:lumMod val="10000"/>
                  </a:schemeClr>
                </a:solidFill>
                <a:latin typeface="Arial" panose="020B0604020202020204" pitchFamily="34" charset="0"/>
                <a:cs typeface="Arial" panose="020B0604020202020204" pitchFamily="34" charset="0"/>
              </a:rPr>
              <a:t>Sidehoved og Sidefod</a:t>
            </a:r>
            <a:br>
              <a:rPr lang="da-DK" altLang="da-DK" sz="945" b="0" noProof="1">
                <a:solidFill>
                  <a:schemeClr val="accent5">
                    <a:lumMod val="10000"/>
                  </a:schemeClr>
                </a:solidFill>
                <a:latin typeface="Arial" panose="020B0604020202020204" pitchFamily="34" charset="0"/>
                <a:cs typeface="Arial" panose="020B0604020202020204" pitchFamily="34" charset="0"/>
              </a:rPr>
            </a:br>
            <a:r>
              <a:rPr lang="da-DK" altLang="da-DK" sz="945" b="0" noProof="1">
                <a:solidFill>
                  <a:schemeClr val="accent5">
                    <a:lumMod val="10000"/>
                  </a:schemeClr>
                </a:solidFill>
                <a:latin typeface="Arial" panose="020B0604020202020204" pitchFamily="34" charset="0"/>
                <a:cs typeface="Arial" panose="020B0604020202020204" pitchFamily="34" charset="0"/>
              </a:rPr>
              <a:t>(Tekst kommer fra Templafy)</a:t>
            </a:r>
          </a:p>
          <a:p>
            <a:pPr eaLnBrk="1" hangingPunct="1">
              <a:spcAft>
                <a:spcPts val="630"/>
              </a:spcAft>
              <a:defRPr/>
            </a:pPr>
            <a:r>
              <a:rPr lang="da-DK" altLang="da-DK" sz="945" b="0" noProof="1">
                <a:solidFill>
                  <a:schemeClr val="accent5">
                    <a:lumMod val="10000"/>
                  </a:schemeClr>
                </a:solidFill>
                <a:latin typeface="Arial" panose="020B0604020202020204" pitchFamily="34" charset="0"/>
                <a:cs typeface="Arial" panose="020B0604020202020204" pitchFamily="34" charset="0"/>
              </a:rPr>
              <a:t>Vælg </a:t>
            </a:r>
            <a:r>
              <a:rPr lang="da-DK" altLang="da-DK" sz="945" b="1" noProof="1">
                <a:solidFill>
                  <a:schemeClr val="accent5">
                    <a:lumMod val="10000"/>
                  </a:schemeClr>
                </a:solidFill>
                <a:latin typeface="Arial" panose="020B0604020202020204" pitchFamily="34" charset="0"/>
                <a:cs typeface="Arial" panose="020B0604020202020204" pitchFamily="34" charset="0"/>
              </a:rPr>
              <a:t>Anvend på alle </a:t>
            </a:r>
            <a:r>
              <a:rPr lang="da-DK" altLang="da-DK" sz="945" b="0" noProof="1">
                <a:solidFill>
                  <a:schemeClr val="accent5">
                    <a:lumMod val="10000"/>
                  </a:schemeClr>
                </a:solidFill>
                <a:latin typeface="Arial" panose="020B0604020202020204" pitchFamily="34" charset="0"/>
                <a:cs typeface="Arial" panose="020B0604020202020204" pitchFamily="34" charset="0"/>
              </a:rPr>
              <a:t>eller </a:t>
            </a:r>
            <a:r>
              <a:rPr lang="da-DK" altLang="da-DK" sz="945" b="1" noProof="1">
                <a:solidFill>
                  <a:schemeClr val="accent5">
                    <a:lumMod val="10000"/>
                  </a:schemeClr>
                </a:solidFill>
                <a:latin typeface="Arial" panose="020B0604020202020204" pitchFamily="34" charset="0"/>
                <a:cs typeface="Arial" panose="020B0604020202020204" pitchFamily="34" charset="0"/>
              </a:rPr>
              <a:t>Anvend</a:t>
            </a:r>
            <a:r>
              <a:rPr lang="da-DK" altLang="da-DK" sz="945" b="0" noProof="1">
                <a:solidFill>
                  <a:schemeClr val="accent5">
                    <a:lumMod val="10000"/>
                  </a:schemeClr>
                </a:solidFill>
                <a:latin typeface="Arial" panose="020B0604020202020204" pitchFamily="34" charset="0"/>
                <a:cs typeface="Arial" panose="020B0604020202020204" pitchFamily="34" charset="0"/>
              </a:rPr>
              <a:t> hvis det kun skal være på et enkelt slide</a:t>
            </a:r>
          </a:p>
          <a:p>
            <a:pPr eaLnBrk="1" hangingPunct="1">
              <a:spcBef>
                <a:spcPts val="1260"/>
              </a:spcBef>
              <a:spcAft>
                <a:spcPts val="630"/>
              </a:spcAft>
              <a:defRPr/>
            </a:pPr>
            <a:r>
              <a:rPr lang="da-DK" sz="945" b="1" noProof="1">
                <a:solidFill>
                  <a:schemeClr val="accent5">
                    <a:lumMod val="10000"/>
                  </a:schemeClr>
                </a:solidFill>
                <a:latin typeface="Arial" panose="020B0604020202020204" pitchFamily="34" charset="0"/>
                <a:cs typeface="Arial" panose="020B0604020202020204" pitchFamily="34" charset="0"/>
              </a:rPr>
              <a:t>Hjælpelinjer</a:t>
            </a:r>
          </a:p>
          <a:p>
            <a:pPr eaLnBrk="1" hangingPunct="1">
              <a:spcAft>
                <a:spcPts val="630"/>
              </a:spcAft>
              <a:defRPr/>
            </a:pPr>
            <a:r>
              <a:rPr lang="da-DK" altLang="da-DK" sz="945" b="0" noProof="1">
                <a:solidFill>
                  <a:schemeClr val="accent5">
                    <a:lumMod val="10000"/>
                  </a:schemeClr>
                </a:solidFill>
                <a:latin typeface="Arial" panose="020B0604020202020204" pitchFamily="34" charset="0"/>
                <a:cs typeface="Arial" panose="020B0604020202020204" pitchFamily="34" charset="0"/>
              </a:rPr>
              <a:t>For at se hjælpelinjer</a:t>
            </a:r>
          </a:p>
          <a:p>
            <a:pPr eaLnBrk="1" hangingPunct="1">
              <a:spcAft>
                <a:spcPts val="630"/>
              </a:spcAft>
              <a:defRPr/>
            </a:pPr>
            <a:r>
              <a:rPr lang="da-DK" altLang="da-DK" sz="945" b="1" noProof="1">
                <a:solidFill>
                  <a:schemeClr val="accent5">
                    <a:lumMod val="10000"/>
                  </a:schemeClr>
                </a:solidFill>
                <a:latin typeface="Arial" panose="020B0604020202020204" pitchFamily="34" charset="0"/>
                <a:cs typeface="Arial" panose="020B0604020202020204" pitchFamily="34" charset="0"/>
              </a:rPr>
              <a:t>1. </a:t>
            </a:r>
            <a:r>
              <a:rPr lang="da-DK" altLang="da-DK" sz="945" b="0" noProof="1">
                <a:solidFill>
                  <a:schemeClr val="accent5">
                    <a:lumMod val="10000"/>
                  </a:schemeClr>
                </a:solidFill>
                <a:latin typeface="Arial" panose="020B0604020202020204" pitchFamily="34" charset="0"/>
                <a:cs typeface="Arial" panose="020B0604020202020204" pitchFamily="34" charset="0"/>
              </a:rPr>
              <a:t>Klik på fanen </a:t>
            </a:r>
            <a:r>
              <a:rPr lang="da-DK" altLang="da-DK" sz="945" b="1" noProof="1">
                <a:solidFill>
                  <a:schemeClr val="accent5">
                    <a:lumMod val="10000"/>
                  </a:schemeClr>
                </a:solidFill>
                <a:latin typeface="Arial" panose="020B0604020202020204" pitchFamily="34" charset="0"/>
                <a:cs typeface="Arial" panose="020B0604020202020204" pitchFamily="34" charset="0"/>
              </a:rPr>
              <a:t>Vis </a:t>
            </a:r>
            <a:r>
              <a:rPr lang="da-DK" altLang="da-DK" sz="945" b="0" noProof="1">
                <a:solidFill>
                  <a:schemeClr val="accent5">
                    <a:lumMod val="10000"/>
                  </a:schemeClr>
                </a:solidFill>
                <a:latin typeface="Arial" panose="020B0604020202020204" pitchFamily="34" charset="0"/>
                <a:cs typeface="Arial" panose="020B0604020202020204" pitchFamily="34" charset="0"/>
              </a:rPr>
              <a:t>og sæt hak ved </a:t>
            </a:r>
            <a:r>
              <a:rPr lang="da-DK" altLang="da-DK" sz="945" b="1" noProof="1">
                <a:solidFill>
                  <a:schemeClr val="accent5">
                    <a:lumMod val="10000"/>
                  </a:schemeClr>
                </a:solidFill>
                <a:latin typeface="Arial" panose="020B0604020202020204" pitchFamily="34" charset="0"/>
                <a:cs typeface="Arial" panose="020B0604020202020204" pitchFamily="34" charset="0"/>
              </a:rPr>
              <a:t>Hjælpelinjer</a:t>
            </a:r>
          </a:p>
          <a:p>
            <a:pPr eaLnBrk="1" hangingPunct="1">
              <a:spcAft>
                <a:spcPts val="630"/>
              </a:spcAft>
              <a:defRPr/>
            </a:pPr>
            <a:r>
              <a:rPr lang="da-DK" altLang="da-DK" sz="945" b="1" noProof="1">
                <a:solidFill>
                  <a:schemeClr val="accent5">
                    <a:lumMod val="10000"/>
                  </a:schemeClr>
                </a:solidFill>
                <a:latin typeface="Arial" panose="020B0604020202020204" pitchFamily="34" charset="0"/>
                <a:cs typeface="Arial" panose="020B0604020202020204" pitchFamily="34" charset="0"/>
              </a:rPr>
              <a:t>Tips: Alt + F9 </a:t>
            </a:r>
            <a:r>
              <a:rPr lang="da-DK" altLang="da-DK" sz="945" b="0" noProof="1">
                <a:solidFill>
                  <a:schemeClr val="accent5">
                    <a:lumMod val="10000"/>
                  </a:schemeClr>
                </a:solidFill>
                <a:latin typeface="Arial" panose="020B0604020202020204" pitchFamily="34" charset="0"/>
                <a:cs typeface="Arial" panose="020B0604020202020204" pitchFamily="34" charset="0"/>
              </a:rPr>
              <a:t>for hurtig visning af hjælpelinjer</a:t>
            </a:r>
          </a:p>
        </p:txBody>
      </p:sp>
      <p:pic>
        <p:nvPicPr>
          <p:cNvPr id="18" name="6 Beskær">
            <a:extLst>
              <a:ext uri="{FF2B5EF4-FFF2-40B4-BE49-F238E27FC236}">
                <a16:creationId xmlns:a16="http://schemas.microsoft.com/office/drawing/2014/main" id="{137F1DBE-DA88-45F6-8F08-22B49A62862F}"/>
              </a:ext>
            </a:extLst>
          </p:cNvPr>
          <p:cNvPicPr>
            <a:picLocks noChangeAspect="1"/>
          </p:cNvPicPr>
          <p:nvPr userDrawn="1"/>
        </p:nvPicPr>
        <p:blipFill>
          <a:blip r:embed="rId5"/>
          <a:stretch>
            <a:fillRect/>
          </a:stretch>
        </p:blipFill>
        <p:spPr>
          <a:xfrm>
            <a:off x="14119437" y="2322137"/>
            <a:ext cx="472360" cy="450390"/>
          </a:xfrm>
          <a:prstGeom prst="rect">
            <a:avLst/>
          </a:prstGeom>
        </p:spPr>
      </p:pic>
      <p:pic>
        <p:nvPicPr>
          <p:cNvPr id="19" name="7 Skalér billede">
            <a:extLst>
              <a:ext uri="{FF2B5EF4-FFF2-40B4-BE49-F238E27FC236}">
                <a16:creationId xmlns:a16="http://schemas.microsoft.com/office/drawing/2014/main" id="{B1817031-610D-4CE7-95C4-98D255053B1F}"/>
              </a:ext>
            </a:extLst>
          </p:cNvPr>
          <p:cNvPicPr>
            <a:picLocks noChangeAspect="1"/>
          </p:cNvPicPr>
          <p:nvPr userDrawn="1"/>
        </p:nvPicPr>
        <p:blipFill>
          <a:blip r:embed="rId10"/>
          <a:stretch>
            <a:fillRect/>
          </a:stretch>
        </p:blipFill>
        <p:spPr>
          <a:xfrm>
            <a:off x="14119438" y="2827034"/>
            <a:ext cx="503573" cy="469433"/>
          </a:xfrm>
          <a:prstGeom prst="rect">
            <a:avLst/>
          </a:prstGeom>
        </p:spPr>
      </p:pic>
    </p:spTree>
    <p:extLst>
      <p:ext uri="{BB962C8B-B14F-4D97-AF65-F5344CB8AC3E}">
        <p14:creationId xmlns:p14="http://schemas.microsoft.com/office/powerpoint/2010/main" val="2318059107"/>
      </p:ext>
    </p:extLst>
  </p:cSld>
  <p:clrMapOvr>
    <a:masterClrMapping/>
  </p:clrMapOvr>
</p:sldLayout>
</file>

<file path=ppt/slideLayouts/slideLayout21.xml><?xml version="1.0" encoding="utf-8"?>
<p:sldLayout xmlns:a="http://schemas.openxmlformats.org/drawingml/2006/main" xmlns:r="http://schemas.openxmlformats.org/officeDocument/2006/relationships" xmlns:p="http://schemas.openxmlformats.org/presentationml/2006/main" type="tx">
  <p:cSld name="(J) 4 billeder">
    <p:spTree>
      <p:nvGrpSpPr>
        <p:cNvPr id="1" name=""/>
        <p:cNvGrpSpPr/>
        <p:nvPr/>
      </p:nvGrpSpPr>
      <p:grpSpPr>
        <a:xfrm>
          <a:off x="0" y="0"/>
          <a:ext cx="0" cy="0"/>
          <a:chOff x="0" y="0"/>
          <a:chExt cx="0" cy="0"/>
        </a:xfrm>
      </p:grpSpPr>
      <p:grpSp>
        <p:nvGrpSpPr>
          <p:cNvPr id="218" name="Group 12"/>
          <p:cNvGrpSpPr/>
          <p:nvPr/>
        </p:nvGrpSpPr>
        <p:grpSpPr>
          <a:xfrm>
            <a:off x="-3529807" y="947715"/>
            <a:ext cx="2909784" cy="7250274"/>
            <a:chOff x="0" y="0"/>
            <a:chExt cx="2078415" cy="5178765"/>
          </a:xfrm>
        </p:grpSpPr>
        <p:sp>
          <p:nvSpPr>
            <p:cNvPr id="182" name="object 2"/>
            <p:cNvSpPr/>
            <p:nvPr/>
          </p:nvSpPr>
          <p:spPr>
            <a:xfrm>
              <a:off x="1122972" y="551083"/>
              <a:ext cx="399457" cy="399465"/>
            </a:xfrm>
            <a:custGeom>
              <a:avLst/>
              <a:gdLst/>
              <a:ahLst/>
              <a:cxnLst>
                <a:cxn ang="0">
                  <a:pos x="wd2" y="hd2"/>
                </a:cxn>
                <a:cxn ang="5400000">
                  <a:pos x="wd2" y="hd2"/>
                </a:cxn>
                <a:cxn ang="10800000">
                  <a:pos x="wd2" y="hd2"/>
                </a:cxn>
                <a:cxn ang="16200000">
                  <a:pos x="wd2" y="hd2"/>
                </a:cxn>
              </a:cxnLst>
              <a:rect l="0" t="0" r="r" b="b"/>
              <a:pathLst>
                <a:path w="21600" h="21600" extrusionOk="0">
                  <a:moveTo>
                    <a:pt x="10800" y="0"/>
                  </a:moveTo>
                  <a:lnTo>
                    <a:pt x="9994" y="30"/>
                  </a:lnTo>
                  <a:lnTo>
                    <a:pt x="9204" y="117"/>
                  </a:lnTo>
                  <a:lnTo>
                    <a:pt x="8432" y="260"/>
                  </a:lnTo>
                  <a:lnTo>
                    <a:pt x="7681" y="457"/>
                  </a:lnTo>
                  <a:lnTo>
                    <a:pt x="6952" y="706"/>
                  </a:lnTo>
                  <a:lnTo>
                    <a:pt x="6247" y="1004"/>
                  </a:lnTo>
                  <a:lnTo>
                    <a:pt x="5569" y="1349"/>
                  </a:lnTo>
                  <a:lnTo>
                    <a:pt x="4919" y="1740"/>
                  </a:lnTo>
                  <a:lnTo>
                    <a:pt x="4300" y="2174"/>
                  </a:lnTo>
                  <a:lnTo>
                    <a:pt x="3714" y="2649"/>
                  </a:lnTo>
                  <a:lnTo>
                    <a:pt x="3163" y="3163"/>
                  </a:lnTo>
                  <a:lnTo>
                    <a:pt x="2649" y="3715"/>
                  </a:lnTo>
                  <a:lnTo>
                    <a:pt x="2174" y="4301"/>
                  </a:lnTo>
                  <a:lnTo>
                    <a:pt x="1740" y="4919"/>
                  </a:lnTo>
                  <a:lnTo>
                    <a:pt x="1349" y="5569"/>
                  </a:lnTo>
                  <a:lnTo>
                    <a:pt x="1004" y="6247"/>
                  </a:lnTo>
                  <a:lnTo>
                    <a:pt x="706" y="6952"/>
                  </a:lnTo>
                  <a:lnTo>
                    <a:pt x="457" y="7681"/>
                  </a:lnTo>
                  <a:lnTo>
                    <a:pt x="260" y="8432"/>
                  </a:lnTo>
                  <a:lnTo>
                    <a:pt x="117" y="9204"/>
                  </a:lnTo>
                  <a:lnTo>
                    <a:pt x="30" y="9994"/>
                  </a:lnTo>
                  <a:lnTo>
                    <a:pt x="0" y="10800"/>
                  </a:lnTo>
                  <a:lnTo>
                    <a:pt x="30" y="11606"/>
                  </a:lnTo>
                  <a:lnTo>
                    <a:pt x="117" y="12396"/>
                  </a:lnTo>
                  <a:lnTo>
                    <a:pt x="260" y="13168"/>
                  </a:lnTo>
                  <a:lnTo>
                    <a:pt x="457" y="13919"/>
                  </a:lnTo>
                  <a:lnTo>
                    <a:pt x="706" y="14648"/>
                  </a:lnTo>
                  <a:lnTo>
                    <a:pt x="1004" y="15353"/>
                  </a:lnTo>
                  <a:lnTo>
                    <a:pt x="1349" y="16031"/>
                  </a:lnTo>
                  <a:lnTo>
                    <a:pt x="1740" y="16681"/>
                  </a:lnTo>
                  <a:lnTo>
                    <a:pt x="2174" y="17299"/>
                  </a:lnTo>
                  <a:lnTo>
                    <a:pt x="2649" y="17885"/>
                  </a:lnTo>
                  <a:lnTo>
                    <a:pt x="3163" y="18437"/>
                  </a:lnTo>
                  <a:lnTo>
                    <a:pt x="3714" y="18951"/>
                  </a:lnTo>
                  <a:lnTo>
                    <a:pt x="4300" y="19426"/>
                  </a:lnTo>
                  <a:lnTo>
                    <a:pt x="4919" y="19860"/>
                  </a:lnTo>
                  <a:lnTo>
                    <a:pt x="5569" y="20251"/>
                  </a:lnTo>
                  <a:lnTo>
                    <a:pt x="6247" y="20596"/>
                  </a:lnTo>
                  <a:lnTo>
                    <a:pt x="6952" y="20894"/>
                  </a:lnTo>
                  <a:lnTo>
                    <a:pt x="7681" y="21143"/>
                  </a:lnTo>
                  <a:lnTo>
                    <a:pt x="8432" y="21340"/>
                  </a:lnTo>
                  <a:lnTo>
                    <a:pt x="9204" y="21483"/>
                  </a:lnTo>
                  <a:lnTo>
                    <a:pt x="9994" y="21570"/>
                  </a:lnTo>
                  <a:lnTo>
                    <a:pt x="10800" y="21600"/>
                  </a:lnTo>
                  <a:lnTo>
                    <a:pt x="11606" y="21570"/>
                  </a:lnTo>
                  <a:lnTo>
                    <a:pt x="12396" y="21483"/>
                  </a:lnTo>
                  <a:lnTo>
                    <a:pt x="13168" y="21340"/>
                  </a:lnTo>
                  <a:lnTo>
                    <a:pt x="13919" y="21143"/>
                  </a:lnTo>
                  <a:lnTo>
                    <a:pt x="14648" y="20894"/>
                  </a:lnTo>
                  <a:lnTo>
                    <a:pt x="15353" y="20596"/>
                  </a:lnTo>
                  <a:lnTo>
                    <a:pt x="16031" y="20251"/>
                  </a:lnTo>
                  <a:lnTo>
                    <a:pt x="16681" y="19860"/>
                  </a:lnTo>
                  <a:lnTo>
                    <a:pt x="17299" y="19426"/>
                  </a:lnTo>
                  <a:lnTo>
                    <a:pt x="17885" y="18951"/>
                  </a:lnTo>
                  <a:lnTo>
                    <a:pt x="18437" y="18437"/>
                  </a:lnTo>
                  <a:lnTo>
                    <a:pt x="18951" y="17885"/>
                  </a:lnTo>
                  <a:lnTo>
                    <a:pt x="19426" y="17299"/>
                  </a:lnTo>
                  <a:lnTo>
                    <a:pt x="19860" y="16681"/>
                  </a:lnTo>
                  <a:lnTo>
                    <a:pt x="20251" y="16031"/>
                  </a:lnTo>
                  <a:lnTo>
                    <a:pt x="20596" y="15353"/>
                  </a:lnTo>
                  <a:lnTo>
                    <a:pt x="20894" y="14648"/>
                  </a:lnTo>
                  <a:lnTo>
                    <a:pt x="21143" y="13919"/>
                  </a:lnTo>
                  <a:lnTo>
                    <a:pt x="21340" y="13168"/>
                  </a:lnTo>
                  <a:lnTo>
                    <a:pt x="21483" y="12396"/>
                  </a:lnTo>
                  <a:lnTo>
                    <a:pt x="21570" y="11606"/>
                  </a:lnTo>
                  <a:lnTo>
                    <a:pt x="21600" y="10800"/>
                  </a:lnTo>
                  <a:lnTo>
                    <a:pt x="21570" y="9994"/>
                  </a:lnTo>
                  <a:lnTo>
                    <a:pt x="21483" y="9204"/>
                  </a:lnTo>
                  <a:lnTo>
                    <a:pt x="21340" y="8432"/>
                  </a:lnTo>
                  <a:lnTo>
                    <a:pt x="21143" y="7681"/>
                  </a:lnTo>
                  <a:lnTo>
                    <a:pt x="20894" y="6952"/>
                  </a:lnTo>
                  <a:lnTo>
                    <a:pt x="20596" y="6247"/>
                  </a:lnTo>
                  <a:lnTo>
                    <a:pt x="20251" y="5569"/>
                  </a:lnTo>
                  <a:lnTo>
                    <a:pt x="19860" y="4919"/>
                  </a:lnTo>
                  <a:lnTo>
                    <a:pt x="19426" y="4301"/>
                  </a:lnTo>
                  <a:lnTo>
                    <a:pt x="18951" y="3715"/>
                  </a:lnTo>
                  <a:lnTo>
                    <a:pt x="18437" y="3163"/>
                  </a:lnTo>
                  <a:lnTo>
                    <a:pt x="17885" y="2649"/>
                  </a:lnTo>
                  <a:lnTo>
                    <a:pt x="17299" y="2174"/>
                  </a:lnTo>
                  <a:lnTo>
                    <a:pt x="16681" y="1740"/>
                  </a:lnTo>
                  <a:lnTo>
                    <a:pt x="16031" y="1349"/>
                  </a:lnTo>
                  <a:lnTo>
                    <a:pt x="15353" y="1004"/>
                  </a:lnTo>
                  <a:lnTo>
                    <a:pt x="14648" y="706"/>
                  </a:lnTo>
                  <a:lnTo>
                    <a:pt x="13919" y="457"/>
                  </a:lnTo>
                  <a:lnTo>
                    <a:pt x="13168" y="260"/>
                  </a:lnTo>
                  <a:lnTo>
                    <a:pt x="12396" y="117"/>
                  </a:lnTo>
                  <a:lnTo>
                    <a:pt x="11606" y="30"/>
                  </a:lnTo>
                  <a:lnTo>
                    <a:pt x="10800" y="0"/>
                  </a:lnTo>
                  <a:close/>
                </a:path>
              </a:pathLst>
            </a:custGeom>
            <a:solidFill>
              <a:srgbClr val="C77891"/>
            </a:solidFill>
            <a:ln w="12700" cap="flat">
              <a:noFill/>
              <a:miter lim="400000"/>
            </a:ln>
            <a:effectLst/>
          </p:spPr>
          <p:txBody>
            <a:bodyPr wrap="square" lIns="45718" tIns="45718" rIns="45718" bIns="45718" numCol="1" anchor="t">
              <a:noAutofit/>
            </a:bodyPr>
            <a:lstStyle/>
            <a:p>
              <a:pPr>
                <a:defRPr sz="800">
                  <a:latin typeface="+mj-lt"/>
                  <a:ea typeface="+mj-ea"/>
                  <a:cs typeface="+mj-cs"/>
                  <a:sym typeface="Calibri"/>
                </a:defRPr>
              </a:pPr>
              <a:endParaRPr sz="840"/>
            </a:p>
          </p:txBody>
        </p:sp>
        <p:sp>
          <p:nvSpPr>
            <p:cNvPr id="183" name="object 3"/>
            <p:cNvSpPr/>
            <p:nvPr/>
          </p:nvSpPr>
          <p:spPr>
            <a:xfrm>
              <a:off x="1678959" y="551083"/>
              <a:ext cx="399457" cy="399465"/>
            </a:xfrm>
            <a:custGeom>
              <a:avLst/>
              <a:gdLst/>
              <a:ahLst/>
              <a:cxnLst>
                <a:cxn ang="0">
                  <a:pos x="wd2" y="hd2"/>
                </a:cxn>
                <a:cxn ang="5400000">
                  <a:pos x="wd2" y="hd2"/>
                </a:cxn>
                <a:cxn ang="10800000">
                  <a:pos x="wd2" y="hd2"/>
                </a:cxn>
                <a:cxn ang="16200000">
                  <a:pos x="wd2" y="hd2"/>
                </a:cxn>
              </a:cxnLst>
              <a:rect l="0" t="0" r="r" b="b"/>
              <a:pathLst>
                <a:path w="21600" h="21600" extrusionOk="0">
                  <a:moveTo>
                    <a:pt x="10800" y="0"/>
                  </a:moveTo>
                  <a:lnTo>
                    <a:pt x="9994" y="30"/>
                  </a:lnTo>
                  <a:lnTo>
                    <a:pt x="9205" y="117"/>
                  </a:lnTo>
                  <a:lnTo>
                    <a:pt x="8433" y="260"/>
                  </a:lnTo>
                  <a:lnTo>
                    <a:pt x="7681" y="457"/>
                  </a:lnTo>
                  <a:lnTo>
                    <a:pt x="6952" y="706"/>
                  </a:lnTo>
                  <a:lnTo>
                    <a:pt x="6247" y="1004"/>
                  </a:lnTo>
                  <a:lnTo>
                    <a:pt x="5569" y="1349"/>
                  </a:lnTo>
                  <a:lnTo>
                    <a:pt x="4920" y="1740"/>
                  </a:lnTo>
                  <a:lnTo>
                    <a:pt x="4301" y="2174"/>
                  </a:lnTo>
                  <a:lnTo>
                    <a:pt x="3715" y="2649"/>
                  </a:lnTo>
                  <a:lnTo>
                    <a:pt x="3164" y="3163"/>
                  </a:lnTo>
                  <a:lnTo>
                    <a:pt x="2649" y="3715"/>
                  </a:lnTo>
                  <a:lnTo>
                    <a:pt x="2174" y="4301"/>
                  </a:lnTo>
                  <a:lnTo>
                    <a:pt x="1740" y="4919"/>
                  </a:lnTo>
                  <a:lnTo>
                    <a:pt x="1349" y="5569"/>
                  </a:lnTo>
                  <a:lnTo>
                    <a:pt x="1004" y="6247"/>
                  </a:lnTo>
                  <a:lnTo>
                    <a:pt x="706" y="6952"/>
                  </a:lnTo>
                  <a:lnTo>
                    <a:pt x="457" y="7681"/>
                  </a:lnTo>
                  <a:lnTo>
                    <a:pt x="260" y="8432"/>
                  </a:lnTo>
                  <a:lnTo>
                    <a:pt x="117" y="9204"/>
                  </a:lnTo>
                  <a:lnTo>
                    <a:pt x="30" y="9994"/>
                  </a:lnTo>
                  <a:lnTo>
                    <a:pt x="0" y="10800"/>
                  </a:lnTo>
                  <a:lnTo>
                    <a:pt x="30" y="11606"/>
                  </a:lnTo>
                  <a:lnTo>
                    <a:pt x="117" y="12396"/>
                  </a:lnTo>
                  <a:lnTo>
                    <a:pt x="260" y="13168"/>
                  </a:lnTo>
                  <a:lnTo>
                    <a:pt x="457" y="13919"/>
                  </a:lnTo>
                  <a:lnTo>
                    <a:pt x="706" y="14648"/>
                  </a:lnTo>
                  <a:lnTo>
                    <a:pt x="1004" y="15353"/>
                  </a:lnTo>
                  <a:lnTo>
                    <a:pt x="1349" y="16031"/>
                  </a:lnTo>
                  <a:lnTo>
                    <a:pt x="1740" y="16681"/>
                  </a:lnTo>
                  <a:lnTo>
                    <a:pt x="2174" y="17299"/>
                  </a:lnTo>
                  <a:lnTo>
                    <a:pt x="2649" y="17885"/>
                  </a:lnTo>
                  <a:lnTo>
                    <a:pt x="3164" y="18437"/>
                  </a:lnTo>
                  <a:lnTo>
                    <a:pt x="3715" y="18951"/>
                  </a:lnTo>
                  <a:lnTo>
                    <a:pt x="4301" y="19426"/>
                  </a:lnTo>
                  <a:lnTo>
                    <a:pt x="4920" y="19860"/>
                  </a:lnTo>
                  <a:lnTo>
                    <a:pt x="5569" y="20251"/>
                  </a:lnTo>
                  <a:lnTo>
                    <a:pt x="6247" y="20596"/>
                  </a:lnTo>
                  <a:lnTo>
                    <a:pt x="6952" y="20894"/>
                  </a:lnTo>
                  <a:lnTo>
                    <a:pt x="7681" y="21143"/>
                  </a:lnTo>
                  <a:lnTo>
                    <a:pt x="8433" y="21340"/>
                  </a:lnTo>
                  <a:lnTo>
                    <a:pt x="9205" y="21483"/>
                  </a:lnTo>
                  <a:lnTo>
                    <a:pt x="9994" y="21570"/>
                  </a:lnTo>
                  <a:lnTo>
                    <a:pt x="10800" y="21600"/>
                  </a:lnTo>
                  <a:lnTo>
                    <a:pt x="11606" y="21570"/>
                  </a:lnTo>
                  <a:lnTo>
                    <a:pt x="12396" y="21483"/>
                  </a:lnTo>
                  <a:lnTo>
                    <a:pt x="13168" y="21340"/>
                  </a:lnTo>
                  <a:lnTo>
                    <a:pt x="13920" y="21143"/>
                  </a:lnTo>
                  <a:lnTo>
                    <a:pt x="14649" y="20894"/>
                  </a:lnTo>
                  <a:lnTo>
                    <a:pt x="15353" y="20596"/>
                  </a:lnTo>
                  <a:lnTo>
                    <a:pt x="16032" y="20251"/>
                  </a:lnTo>
                  <a:lnTo>
                    <a:pt x="16681" y="19860"/>
                  </a:lnTo>
                  <a:lnTo>
                    <a:pt x="17300" y="19426"/>
                  </a:lnTo>
                  <a:lnTo>
                    <a:pt x="17886" y="18951"/>
                  </a:lnTo>
                  <a:lnTo>
                    <a:pt x="18437" y="18437"/>
                  </a:lnTo>
                  <a:lnTo>
                    <a:pt x="18951" y="17885"/>
                  </a:lnTo>
                  <a:lnTo>
                    <a:pt x="19426" y="17299"/>
                  </a:lnTo>
                  <a:lnTo>
                    <a:pt x="19860" y="16681"/>
                  </a:lnTo>
                  <a:lnTo>
                    <a:pt x="20251" y="16031"/>
                  </a:lnTo>
                  <a:lnTo>
                    <a:pt x="20596" y="15353"/>
                  </a:lnTo>
                  <a:lnTo>
                    <a:pt x="20894" y="14648"/>
                  </a:lnTo>
                  <a:lnTo>
                    <a:pt x="21143" y="13919"/>
                  </a:lnTo>
                  <a:lnTo>
                    <a:pt x="21340" y="13168"/>
                  </a:lnTo>
                  <a:lnTo>
                    <a:pt x="21483" y="12396"/>
                  </a:lnTo>
                  <a:lnTo>
                    <a:pt x="21570" y="11606"/>
                  </a:lnTo>
                  <a:lnTo>
                    <a:pt x="21600" y="10800"/>
                  </a:lnTo>
                  <a:lnTo>
                    <a:pt x="21570" y="9994"/>
                  </a:lnTo>
                  <a:lnTo>
                    <a:pt x="21483" y="9204"/>
                  </a:lnTo>
                  <a:lnTo>
                    <a:pt x="21340" y="8432"/>
                  </a:lnTo>
                  <a:lnTo>
                    <a:pt x="21143" y="7681"/>
                  </a:lnTo>
                  <a:lnTo>
                    <a:pt x="20894" y="6952"/>
                  </a:lnTo>
                  <a:lnTo>
                    <a:pt x="20596" y="6247"/>
                  </a:lnTo>
                  <a:lnTo>
                    <a:pt x="20251" y="5569"/>
                  </a:lnTo>
                  <a:lnTo>
                    <a:pt x="19860" y="4919"/>
                  </a:lnTo>
                  <a:lnTo>
                    <a:pt x="19426" y="4301"/>
                  </a:lnTo>
                  <a:lnTo>
                    <a:pt x="18951" y="3715"/>
                  </a:lnTo>
                  <a:lnTo>
                    <a:pt x="18437" y="3163"/>
                  </a:lnTo>
                  <a:lnTo>
                    <a:pt x="17886" y="2649"/>
                  </a:lnTo>
                  <a:lnTo>
                    <a:pt x="17300" y="2174"/>
                  </a:lnTo>
                  <a:lnTo>
                    <a:pt x="16681" y="1740"/>
                  </a:lnTo>
                  <a:lnTo>
                    <a:pt x="16032" y="1349"/>
                  </a:lnTo>
                  <a:lnTo>
                    <a:pt x="15353" y="1004"/>
                  </a:lnTo>
                  <a:lnTo>
                    <a:pt x="14649" y="706"/>
                  </a:lnTo>
                  <a:lnTo>
                    <a:pt x="13920" y="457"/>
                  </a:lnTo>
                  <a:lnTo>
                    <a:pt x="13168" y="260"/>
                  </a:lnTo>
                  <a:lnTo>
                    <a:pt x="12396" y="117"/>
                  </a:lnTo>
                  <a:lnTo>
                    <a:pt x="11606" y="30"/>
                  </a:lnTo>
                  <a:lnTo>
                    <a:pt x="10800" y="0"/>
                  </a:lnTo>
                  <a:close/>
                </a:path>
              </a:pathLst>
            </a:custGeom>
            <a:solidFill>
              <a:srgbClr val="46182C"/>
            </a:solidFill>
            <a:ln w="12700" cap="flat">
              <a:noFill/>
              <a:miter lim="400000"/>
            </a:ln>
            <a:effectLst/>
          </p:spPr>
          <p:txBody>
            <a:bodyPr wrap="square" lIns="45718" tIns="45718" rIns="45718" bIns="45718" numCol="1" anchor="t">
              <a:noAutofit/>
            </a:bodyPr>
            <a:lstStyle/>
            <a:p>
              <a:pPr>
                <a:defRPr sz="800">
                  <a:latin typeface="+mj-lt"/>
                  <a:ea typeface="+mj-ea"/>
                  <a:cs typeface="+mj-cs"/>
                  <a:sym typeface="Calibri"/>
                </a:defRPr>
              </a:pPr>
              <a:endParaRPr sz="840"/>
            </a:p>
          </p:txBody>
        </p:sp>
        <p:sp>
          <p:nvSpPr>
            <p:cNvPr id="184" name="object 4"/>
            <p:cNvSpPr/>
            <p:nvPr/>
          </p:nvSpPr>
          <p:spPr>
            <a:xfrm>
              <a:off x="566577" y="1106240"/>
              <a:ext cx="399461" cy="399465"/>
            </a:xfrm>
            <a:custGeom>
              <a:avLst/>
              <a:gdLst/>
              <a:ahLst/>
              <a:cxnLst>
                <a:cxn ang="0">
                  <a:pos x="wd2" y="hd2"/>
                </a:cxn>
                <a:cxn ang="5400000">
                  <a:pos x="wd2" y="hd2"/>
                </a:cxn>
                <a:cxn ang="10800000">
                  <a:pos x="wd2" y="hd2"/>
                </a:cxn>
                <a:cxn ang="16200000">
                  <a:pos x="wd2" y="hd2"/>
                </a:cxn>
              </a:cxnLst>
              <a:rect l="0" t="0" r="r" b="b"/>
              <a:pathLst>
                <a:path w="21600" h="21600" extrusionOk="0">
                  <a:moveTo>
                    <a:pt x="10800" y="0"/>
                  </a:moveTo>
                  <a:lnTo>
                    <a:pt x="9994" y="30"/>
                  </a:lnTo>
                  <a:lnTo>
                    <a:pt x="9204" y="117"/>
                  </a:lnTo>
                  <a:lnTo>
                    <a:pt x="8432" y="260"/>
                  </a:lnTo>
                  <a:lnTo>
                    <a:pt x="7681" y="457"/>
                  </a:lnTo>
                  <a:lnTo>
                    <a:pt x="6951" y="706"/>
                  </a:lnTo>
                  <a:lnTo>
                    <a:pt x="6247" y="1004"/>
                  </a:lnTo>
                  <a:lnTo>
                    <a:pt x="5569" y="1349"/>
                  </a:lnTo>
                  <a:lnTo>
                    <a:pt x="4919" y="1740"/>
                  </a:lnTo>
                  <a:lnTo>
                    <a:pt x="4300" y="2174"/>
                  </a:lnTo>
                  <a:lnTo>
                    <a:pt x="3714" y="2649"/>
                  </a:lnTo>
                  <a:lnTo>
                    <a:pt x="3163" y="3163"/>
                  </a:lnTo>
                  <a:lnTo>
                    <a:pt x="2649" y="3715"/>
                  </a:lnTo>
                  <a:lnTo>
                    <a:pt x="2174" y="4301"/>
                  </a:lnTo>
                  <a:lnTo>
                    <a:pt x="1740" y="4919"/>
                  </a:lnTo>
                  <a:lnTo>
                    <a:pt x="1349" y="5569"/>
                  </a:lnTo>
                  <a:lnTo>
                    <a:pt x="1004" y="6247"/>
                  </a:lnTo>
                  <a:lnTo>
                    <a:pt x="706" y="6952"/>
                  </a:lnTo>
                  <a:lnTo>
                    <a:pt x="457" y="7681"/>
                  </a:lnTo>
                  <a:lnTo>
                    <a:pt x="260" y="8432"/>
                  </a:lnTo>
                  <a:lnTo>
                    <a:pt x="117" y="9204"/>
                  </a:lnTo>
                  <a:lnTo>
                    <a:pt x="30" y="9994"/>
                  </a:lnTo>
                  <a:lnTo>
                    <a:pt x="0" y="10800"/>
                  </a:lnTo>
                  <a:lnTo>
                    <a:pt x="30" y="11606"/>
                  </a:lnTo>
                  <a:lnTo>
                    <a:pt x="117" y="12396"/>
                  </a:lnTo>
                  <a:lnTo>
                    <a:pt x="260" y="13168"/>
                  </a:lnTo>
                  <a:lnTo>
                    <a:pt x="457" y="13919"/>
                  </a:lnTo>
                  <a:lnTo>
                    <a:pt x="706" y="14648"/>
                  </a:lnTo>
                  <a:lnTo>
                    <a:pt x="1004" y="15353"/>
                  </a:lnTo>
                  <a:lnTo>
                    <a:pt x="1349" y="16031"/>
                  </a:lnTo>
                  <a:lnTo>
                    <a:pt x="1740" y="16681"/>
                  </a:lnTo>
                  <a:lnTo>
                    <a:pt x="2174" y="17299"/>
                  </a:lnTo>
                  <a:lnTo>
                    <a:pt x="2649" y="17885"/>
                  </a:lnTo>
                  <a:lnTo>
                    <a:pt x="3163" y="18437"/>
                  </a:lnTo>
                  <a:lnTo>
                    <a:pt x="3714" y="18951"/>
                  </a:lnTo>
                  <a:lnTo>
                    <a:pt x="4300" y="19426"/>
                  </a:lnTo>
                  <a:lnTo>
                    <a:pt x="4919" y="19860"/>
                  </a:lnTo>
                  <a:lnTo>
                    <a:pt x="5569" y="20251"/>
                  </a:lnTo>
                  <a:lnTo>
                    <a:pt x="6247" y="20596"/>
                  </a:lnTo>
                  <a:lnTo>
                    <a:pt x="6951" y="20894"/>
                  </a:lnTo>
                  <a:lnTo>
                    <a:pt x="7681" y="21143"/>
                  </a:lnTo>
                  <a:lnTo>
                    <a:pt x="8432" y="21340"/>
                  </a:lnTo>
                  <a:lnTo>
                    <a:pt x="9204" y="21483"/>
                  </a:lnTo>
                  <a:lnTo>
                    <a:pt x="9994" y="21570"/>
                  </a:lnTo>
                  <a:lnTo>
                    <a:pt x="10800" y="21600"/>
                  </a:lnTo>
                  <a:lnTo>
                    <a:pt x="11606" y="21570"/>
                  </a:lnTo>
                  <a:lnTo>
                    <a:pt x="12396" y="21483"/>
                  </a:lnTo>
                  <a:lnTo>
                    <a:pt x="13168" y="21340"/>
                  </a:lnTo>
                  <a:lnTo>
                    <a:pt x="13919" y="21143"/>
                  </a:lnTo>
                  <a:lnTo>
                    <a:pt x="14648" y="20894"/>
                  </a:lnTo>
                  <a:lnTo>
                    <a:pt x="15353" y="20596"/>
                  </a:lnTo>
                  <a:lnTo>
                    <a:pt x="16031" y="20251"/>
                  </a:lnTo>
                  <a:lnTo>
                    <a:pt x="16681" y="19860"/>
                  </a:lnTo>
                  <a:lnTo>
                    <a:pt x="17300" y="19426"/>
                  </a:lnTo>
                  <a:lnTo>
                    <a:pt x="17886" y="18951"/>
                  </a:lnTo>
                  <a:lnTo>
                    <a:pt x="18437" y="18437"/>
                  </a:lnTo>
                  <a:lnTo>
                    <a:pt x="18951" y="17885"/>
                  </a:lnTo>
                  <a:lnTo>
                    <a:pt x="19426" y="17299"/>
                  </a:lnTo>
                  <a:lnTo>
                    <a:pt x="19860" y="16681"/>
                  </a:lnTo>
                  <a:lnTo>
                    <a:pt x="20251" y="16031"/>
                  </a:lnTo>
                  <a:lnTo>
                    <a:pt x="20596" y="15353"/>
                  </a:lnTo>
                  <a:lnTo>
                    <a:pt x="20894" y="14648"/>
                  </a:lnTo>
                  <a:lnTo>
                    <a:pt x="21143" y="13919"/>
                  </a:lnTo>
                  <a:lnTo>
                    <a:pt x="21340" y="13168"/>
                  </a:lnTo>
                  <a:lnTo>
                    <a:pt x="21483" y="12396"/>
                  </a:lnTo>
                  <a:lnTo>
                    <a:pt x="21570" y="11606"/>
                  </a:lnTo>
                  <a:lnTo>
                    <a:pt x="21600" y="10800"/>
                  </a:lnTo>
                  <a:lnTo>
                    <a:pt x="21570" y="9994"/>
                  </a:lnTo>
                  <a:lnTo>
                    <a:pt x="21483" y="9204"/>
                  </a:lnTo>
                  <a:lnTo>
                    <a:pt x="21340" y="8432"/>
                  </a:lnTo>
                  <a:lnTo>
                    <a:pt x="21143" y="7681"/>
                  </a:lnTo>
                  <a:lnTo>
                    <a:pt x="20894" y="6952"/>
                  </a:lnTo>
                  <a:lnTo>
                    <a:pt x="20596" y="6247"/>
                  </a:lnTo>
                  <a:lnTo>
                    <a:pt x="20251" y="5569"/>
                  </a:lnTo>
                  <a:lnTo>
                    <a:pt x="19860" y="4919"/>
                  </a:lnTo>
                  <a:lnTo>
                    <a:pt x="19426" y="4301"/>
                  </a:lnTo>
                  <a:lnTo>
                    <a:pt x="18951" y="3715"/>
                  </a:lnTo>
                  <a:lnTo>
                    <a:pt x="18437" y="3163"/>
                  </a:lnTo>
                  <a:lnTo>
                    <a:pt x="17886" y="2649"/>
                  </a:lnTo>
                  <a:lnTo>
                    <a:pt x="17300" y="2174"/>
                  </a:lnTo>
                  <a:lnTo>
                    <a:pt x="16681" y="1740"/>
                  </a:lnTo>
                  <a:lnTo>
                    <a:pt x="16031" y="1349"/>
                  </a:lnTo>
                  <a:lnTo>
                    <a:pt x="15353" y="1004"/>
                  </a:lnTo>
                  <a:lnTo>
                    <a:pt x="14648" y="706"/>
                  </a:lnTo>
                  <a:lnTo>
                    <a:pt x="13919" y="457"/>
                  </a:lnTo>
                  <a:lnTo>
                    <a:pt x="13168" y="260"/>
                  </a:lnTo>
                  <a:lnTo>
                    <a:pt x="12396" y="117"/>
                  </a:lnTo>
                  <a:lnTo>
                    <a:pt x="11606" y="30"/>
                  </a:lnTo>
                  <a:lnTo>
                    <a:pt x="10800" y="0"/>
                  </a:lnTo>
                  <a:close/>
                </a:path>
              </a:pathLst>
            </a:custGeom>
            <a:solidFill>
              <a:srgbClr val="AA3B18"/>
            </a:solidFill>
            <a:ln w="12700" cap="flat">
              <a:noFill/>
              <a:miter lim="400000"/>
            </a:ln>
            <a:effectLst/>
          </p:spPr>
          <p:txBody>
            <a:bodyPr wrap="square" lIns="45718" tIns="45718" rIns="45718" bIns="45718" numCol="1" anchor="t">
              <a:noAutofit/>
            </a:bodyPr>
            <a:lstStyle/>
            <a:p>
              <a:pPr>
                <a:defRPr sz="800">
                  <a:latin typeface="+mj-lt"/>
                  <a:ea typeface="+mj-ea"/>
                  <a:cs typeface="+mj-cs"/>
                  <a:sym typeface="Calibri"/>
                </a:defRPr>
              </a:pPr>
              <a:endParaRPr sz="840"/>
            </a:p>
          </p:txBody>
        </p:sp>
        <p:sp>
          <p:nvSpPr>
            <p:cNvPr id="185" name="object 5"/>
            <p:cNvSpPr/>
            <p:nvPr/>
          </p:nvSpPr>
          <p:spPr>
            <a:xfrm>
              <a:off x="1122972" y="-1"/>
              <a:ext cx="399457" cy="399446"/>
            </a:xfrm>
            <a:custGeom>
              <a:avLst/>
              <a:gdLst/>
              <a:ahLst/>
              <a:cxnLst>
                <a:cxn ang="0">
                  <a:pos x="wd2" y="hd2"/>
                </a:cxn>
                <a:cxn ang="5400000">
                  <a:pos x="wd2" y="hd2"/>
                </a:cxn>
                <a:cxn ang="10800000">
                  <a:pos x="wd2" y="hd2"/>
                </a:cxn>
                <a:cxn ang="16200000">
                  <a:pos x="wd2" y="hd2"/>
                </a:cxn>
              </a:cxnLst>
              <a:rect l="0" t="0" r="r" b="b"/>
              <a:pathLst>
                <a:path w="21600" h="21600" extrusionOk="0">
                  <a:moveTo>
                    <a:pt x="10800" y="0"/>
                  </a:moveTo>
                  <a:lnTo>
                    <a:pt x="9994" y="30"/>
                  </a:lnTo>
                  <a:lnTo>
                    <a:pt x="9204" y="117"/>
                  </a:lnTo>
                  <a:lnTo>
                    <a:pt x="8432" y="260"/>
                  </a:lnTo>
                  <a:lnTo>
                    <a:pt x="7681" y="457"/>
                  </a:lnTo>
                  <a:lnTo>
                    <a:pt x="6952" y="706"/>
                  </a:lnTo>
                  <a:lnTo>
                    <a:pt x="6247" y="1004"/>
                  </a:lnTo>
                  <a:lnTo>
                    <a:pt x="5569" y="1349"/>
                  </a:lnTo>
                  <a:lnTo>
                    <a:pt x="4919" y="1740"/>
                  </a:lnTo>
                  <a:lnTo>
                    <a:pt x="4300" y="2174"/>
                  </a:lnTo>
                  <a:lnTo>
                    <a:pt x="3714" y="2649"/>
                  </a:lnTo>
                  <a:lnTo>
                    <a:pt x="3163" y="3164"/>
                  </a:lnTo>
                  <a:lnTo>
                    <a:pt x="2649" y="3715"/>
                  </a:lnTo>
                  <a:lnTo>
                    <a:pt x="2174" y="4301"/>
                  </a:lnTo>
                  <a:lnTo>
                    <a:pt x="1740" y="4920"/>
                  </a:lnTo>
                  <a:lnTo>
                    <a:pt x="1349" y="5569"/>
                  </a:lnTo>
                  <a:lnTo>
                    <a:pt x="1004" y="6247"/>
                  </a:lnTo>
                  <a:lnTo>
                    <a:pt x="706" y="6952"/>
                  </a:lnTo>
                  <a:lnTo>
                    <a:pt x="457" y="7681"/>
                  </a:lnTo>
                  <a:lnTo>
                    <a:pt x="260" y="8433"/>
                  </a:lnTo>
                  <a:lnTo>
                    <a:pt x="117" y="9205"/>
                  </a:lnTo>
                  <a:lnTo>
                    <a:pt x="30" y="9994"/>
                  </a:lnTo>
                  <a:lnTo>
                    <a:pt x="0" y="10800"/>
                  </a:lnTo>
                  <a:lnTo>
                    <a:pt x="30" y="11606"/>
                  </a:lnTo>
                  <a:lnTo>
                    <a:pt x="117" y="12396"/>
                  </a:lnTo>
                  <a:lnTo>
                    <a:pt x="260" y="13168"/>
                  </a:lnTo>
                  <a:lnTo>
                    <a:pt x="457" y="13920"/>
                  </a:lnTo>
                  <a:lnTo>
                    <a:pt x="706" y="14649"/>
                  </a:lnTo>
                  <a:lnTo>
                    <a:pt x="1004" y="15353"/>
                  </a:lnTo>
                  <a:lnTo>
                    <a:pt x="1349" y="16032"/>
                  </a:lnTo>
                  <a:lnTo>
                    <a:pt x="1740" y="16681"/>
                  </a:lnTo>
                  <a:lnTo>
                    <a:pt x="2174" y="17300"/>
                  </a:lnTo>
                  <a:lnTo>
                    <a:pt x="2649" y="17886"/>
                  </a:lnTo>
                  <a:lnTo>
                    <a:pt x="3163" y="18437"/>
                  </a:lnTo>
                  <a:lnTo>
                    <a:pt x="3714" y="18951"/>
                  </a:lnTo>
                  <a:lnTo>
                    <a:pt x="4300" y="19426"/>
                  </a:lnTo>
                  <a:lnTo>
                    <a:pt x="4919" y="19860"/>
                  </a:lnTo>
                  <a:lnTo>
                    <a:pt x="5569" y="20251"/>
                  </a:lnTo>
                  <a:lnTo>
                    <a:pt x="6247" y="20596"/>
                  </a:lnTo>
                  <a:lnTo>
                    <a:pt x="6952" y="20894"/>
                  </a:lnTo>
                  <a:lnTo>
                    <a:pt x="7681" y="21143"/>
                  </a:lnTo>
                  <a:lnTo>
                    <a:pt x="8432" y="21340"/>
                  </a:lnTo>
                  <a:lnTo>
                    <a:pt x="9204" y="21483"/>
                  </a:lnTo>
                  <a:lnTo>
                    <a:pt x="9994" y="21570"/>
                  </a:lnTo>
                  <a:lnTo>
                    <a:pt x="10800" y="21600"/>
                  </a:lnTo>
                  <a:lnTo>
                    <a:pt x="11606" y="21570"/>
                  </a:lnTo>
                  <a:lnTo>
                    <a:pt x="12396" y="21483"/>
                  </a:lnTo>
                  <a:lnTo>
                    <a:pt x="13168" y="21340"/>
                  </a:lnTo>
                  <a:lnTo>
                    <a:pt x="13919" y="21143"/>
                  </a:lnTo>
                  <a:lnTo>
                    <a:pt x="14648" y="20894"/>
                  </a:lnTo>
                  <a:lnTo>
                    <a:pt x="15353" y="20596"/>
                  </a:lnTo>
                  <a:lnTo>
                    <a:pt x="16031" y="20251"/>
                  </a:lnTo>
                  <a:lnTo>
                    <a:pt x="16681" y="19860"/>
                  </a:lnTo>
                  <a:lnTo>
                    <a:pt x="17299" y="19426"/>
                  </a:lnTo>
                  <a:lnTo>
                    <a:pt x="17885" y="18951"/>
                  </a:lnTo>
                  <a:lnTo>
                    <a:pt x="18437" y="18437"/>
                  </a:lnTo>
                  <a:lnTo>
                    <a:pt x="18951" y="17886"/>
                  </a:lnTo>
                  <a:lnTo>
                    <a:pt x="19426" y="17300"/>
                  </a:lnTo>
                  <a:lnTo>
                    <a:pt x="19860" y="16681"/>
                  </a:lnTo>
                  <a:lnTo>
                    <a:pt x="20251" y="16032"/>
                  </a:lnTo>
                  <a:lnTo>
                    <a:pt x="20596" y="15353"/>
                  </a:lnTo>
                  <a:lnTo>
                    <a:pt x="20894" y="14649"/>
                  </a:lnTo>
                  <a:lnTo>
                    <a:pt x="21143" y="13920"/>
                  </a:lnTo>
                  <a:lnTo>
                    <a:pt x="21340" y="13168"/>
                  </a:lnTo>
                  <a:lnTo>
                    <a:pt x="21483" y="12396"/>
                  </a:lnTo>
                  <a:lnTo>
                    <a:pt x="21570" y="11606"/>
                  </a:lnTo>
                  <a:lnTo>
                    <a:pt x="21600" y="10800"/>
                  </a:lnTo>
                  <a:lnTo>
                    <a:pt x="21570" y="9994"/>
                  </a:lnTo>
                  <a:lnTo>
                    <a:pt x="21483" y="9205"/>
                  </a:lnTo>
                  <a:lnTo>
                    <a:pt x="21340" y="8433"/>
                  </a:lnTo>
                  <a:lnTo>
                    <a:pt x="21143" y="7681"/>
                  </a:lnTo>
                  <a:lnTo>
                    <a:pt x="20894" y="6952"/>
                  </a:lnTo>
                  <a:lnTo>
                    <a:pt x="20596" y="6247"/>
                  </a:lnTo>
                  <a:lnTo>
                    <a:pt x="20251" y="5569"/>
                  </a:lnTo>
                  <a:lnTo>
                    <a:pt x="19860" y="4920"/>
                  </a:lnTo>
                  <a:lnTo>
                    <a:pt x="19426" y="4301"/>
                  </a:lnTo>
                  <a:lnTo>
                    <a:pt x="18951" y="3715"/>
                  </a:lnTo>
                  <a:lnTo>
                    <a:pt x="18437" y="3164"/>
                  </a:lnTo>
                  <a:lnTo>
                    <a:pt x="17885" y="2649"/>
                  </a:lnTo>
                  <a:lnTo>
                    <a:pt x="17299" y="2174"/>
                  </a:lnTo>
                  <a:lnTo>
                    <a:pt x="16681" y="1740"/>
                  </a:lnTo>
                  <a:lnTo>
                    <a:pt x="16031" y="1349"/>
                  </a:lnTo>
                  <a:lnTo>
                    <a:pt x="15353" y="1004"/>
                  </a:lnTo>
                  <a:lnTo>
                    <a:pt x="14648" y="706"/>
                  </a:lnTo>
                  <a:lnTo>
                    <a:pt x="13919" y="457"/>
                  </a:lnTo>
                  <a:lnTo>
                    <a:pt x="13168" y="260"/>
                  </a:lnTo>
                  <a:lnTo>
                    <a:pt x="12396" y="117"/>
                  </a:lnTo>
                  <a:lnTo>
                    <a:pt x="11606" y="30"/>
                  </a:lnTo>
                  <a:lnTo>
                    <a:pt x="10800" y="0"/>
                  </a:lnTo>
                  <a:close/>
                </a:path>
              </a:pathLst>
            </a:custGeom>
            <a:solidFill>
              <a:srgbClr val="FFBDC3"/>
            </a:solidFill>
            <a:ln w="12700" cap="flat">
              <a:noFill/>
              <a:miter lim="400000"/>
            </a:ln>
            <a:effectLst/>
          </p:spPr>
          <p:txBody>
            <a:bodyPr wrap="square" lIns="45718" tIns="45718" rIns="45718" bIns="45718" numCol="1" anchor="t">
              <a:noAutofit/>
            </a:bodyPr>
            <a:lstStyle/>
            <a:p>
              <a:pPr>
                <a:defRPr sz="800">
                  <a:latin typeface="+mj-lt"/>
                  <a:ea typeface="+mj-ea"/>
                  <a:cs typeface="+mj-cs"/>
                  <a:sym typeface="Calibri"/>
                </a:defRPr>
              </a:pPr>
              <a:endParaRPr sz="840"/>
            </a:p>
          </p:txBody>
        </p:sp>
        <p:sp>
          <p:nvSpPr>
            <p:cNvPr id="186" name="object 6"/>
            <p:cNvSpPr/>
            <p:nvPr/>
          </p:nvSpPr>
          <p:spPr>
            <a:xfrm>
              <a:off x="1678959" y="-1"/>
              <a:ext cx="399457" cy="399446"/>
            </a:xfrm>
            <a:custGeom>
              <a:avLst/>
              <a:gdLst/>
              <a:ahLst/>
              <a:cxnLst>
                <a:cxn ang="0">
                  <a:pos x="wd2" y="hd2"/>
                </a:cxn>
                <a:cxn ang="5400000">
                  <a:pos x="wd2" y="hd2"/>
                </a:cxn>
                <a:cxn ang="10800000">
                  <a:pos x="wd2" y="hd2"/>
                </a:cxn>
                <a:cxn ang="16200000">
                  <a:pos x="wd2" y="hd2"/>
                </a:cxn>
              </a:cxnLst>
              <a:rect l="0" t="0" r="r" b="b"/>
              <a:pathLst>
                <a:path w="21600" h="21600" extrusionOk="0">
                  <a:moveTo>
                    <a:pt x="10800" y="0"/>
                  </a:moveTo>
                  <a:lnTo>
                    <a:pt x="9994" y="30"/>
                  </a:lnTo>
                  <a:lnTo>
                    <a:pt x="9205" y="117"/>
                  </a:lnTo>
                  <a:lnTo>
                    <a:pt x="8433" y="260"/>
                  </a:lnTo>
                  <a:lnTo>
                    <a:pt x="7681" y="457"/>
                  </a:lnTo>
                  <a:lnTo>
                    <a:pt x="6952" y="706"/>
                  </a:lnTo>
                  <a:lnTo>
                    <a:pt x="6247" y="1004"/>
                  </a:lnTo>
                  <a:lnTo>
                    <a:pt x="5569" y="1349"/>
                  </a:lnTo>
                  <a:lnTo>
                    <a:pt x="4920" y="1740"/>
                  </a:lnTo>
                  <a:lnTo>
                    <a:pt x="4301" y="2174"/>
                  </a:lnTo>
                  <a:lnTo>
                    <a:pt x="3715" y="2649"/>
                  </a:lnTo>
                  <a:lnTo>
                    <a:pt x="3164" y="3164"/>
                  </a:lnTo>
                  <a:lnTo>
                    <a:pt x="2649" y="3715"/>
                  </a:lnTo>
                  <a:lnTo>
                    <a:pt x="2174" y="4301"/>
                  </a:lnTo>
                  <a:lnTo>
                    <a:pt x="1740" y="4920"/>
                  </a:lnTo>
                  <a:lnTo>
                    <a:pt x="1349" y="5569"/>
                  </a:lnTo>
                  <a:lnTo>
                    <a:pt x="1004" y="6247"/>
                  </a:lnTo>
                  <a:lnTo>
                    <a:pt x="706" y="6952"/>
                  </a:lnTo>
                  <a:lnTo>
                    <a:pt x="457" y="7681"/>
                  </a:lnTo>
                  <a:lnTo>
                    <a:pt x="260" y="8433"/>
                  </a:lnTo>
                  <a:lnTo>
                    <a:pt x="117" y="9205"/>
                  </a:lnTo>
                  <a:lnTo>
                    <a:pt x="30" y="9994"/>
                  </a:lnTo>
                  <a:lnTo>
                    <a:pt x="0" y="10800"/>
                  </a:lnTo>
                  <a:lnTo>
                    <a:pt x="30" y="11606"/>
                  </a:lnTo>
                  <a:lnTo>
                    <a:pt x="117" y="12396"/>
                  </a:lnTo>
                  <a:lnTo>
                    <a:pt x="260" y="13168"/>
                  </a:lnTo>
                  <a:lnTo>
                    <a:pt x="457" y="13920"/>
                  </a:lnTo>
                  <a:lnTo>
                    <a:pt x="706" y="14649"/>
                  </a:lnTo>
                  <a:lnTo>
                    <a:pt x="1004" y="15353"/>
                  </a:lnTo>
                  <a:lnTo>
                    <a:pt x="1349" y="16032"/>
                  </a:lnTo>
                  <a:lnTo>
                    <a:pt x="1740" y="16681"/>
                  </a:lnTo>
                  <a:lnTo>
                    <a:pt x="2174" y="17300"/>
                  </a:lnTo>
                  <a:lnTo>
                    <a:pt x="2649" y="17886"/>
                  </a:lnTo>
                  <a:lnTo>
                    <a:pt x="3164" y="18437"/>
                  </a:lnTo>
                  <a:lnTo>
                    <a:pt x="3715" y="18951"/>
                  </a:lnTo>
                  <a:lnTo>
                    <a:pt x="4301" y="19426"/>
                  </a:lnTo>
                  <a:lnTo>
                    <a:pt x="4920" y="19860"/>
                  </a:lnTo>
                  <a:lnTo>
                    <a:pt x="5569" y="20251"/>
                  </a:lnTo>
                  <a:lnTo>
                    <a:pt x="6247" y="20596"/>
                  </a:lnTo>
                  <a:lnTo>
                    <a:pt x="6952" y="20894"/>
                  </a:lnTo>
                  <a:lnTo>
                    <a:pt x="7681" y="21143"/>
                  </a:lnTo>
                  <a:lnTo>
                    <a:pt x="8433" y="21340"/>
                  </a:lnTo>
                  <a:lnTo>
                    <a:pt x="9205" y="21483"/>
                  </a:lnTo>
                  <a:lnTo>
                    <a:pt x="9994" y="21570"/>
                  </a:lnTo>
                  <a:lnTo>
                    <a:pt x="10800" y="21600"/>
                  </a:lnTo>
                  <a:lnTo>
                    <a:pt x="11606" y="21570"/>
                  </a:lnTo>
                  <a:lnTo>
                    <a:pt x="12396" y="21483"/>
                  </a:lnTo>
                  <a:lnTo>
                    <a:pt x="13168" y="21340"/>
                  </a:lnTo>
                  <a:lnTo>
                    <a:pt x="13920" y="21143"/>
                  </a:lnTo>
                  <a:lnTo>
                    <a:pt x="14649" y="20894"/>
                  </a:lnTo>
                  <a:lnTo>
                    <a:pt x="15353" y="20596"/>
                  </a:lnTo>
                  <a:lnTo>
                    <a:pt x="16032" y="20251"/>
                  </a:lnTo>
                  <a:lnTo>
                    <a:pt x="16681" y="19860"/>
                  </a:lnTo>
                  <a:lnTo>
                    <a:pt x="17300" y="19426"/>
                  </a:lnTo>
                  <a:lnTo>
                    <a:pt x="17886" y="18951"/>
                  </a:lnTo>
                  <a:lnTo>
                    <a:pt x="18437" y="18437"/>
                  </a:lnTo>
                  <a:lnTo>
                    <a:pt x="18951" y="17886"/>
                  </a:lnTo>
                  <a:lnTo>
                    <a:pt x="19426" y="17300"/>
                  </a:lnTo>
                  <a:lnTo>
                    <a:pt x="19860" y="16681"/>
                  </a:lnTo>
                  <a:lnTo>
                    <a:pt x="20251" y="16032"/>
                  </a:lnTo>
                  <a:lnTo>
                    <a:pt x="20596" y="15353"/>
                  </a:lnTo>
                  <a:lnTo>
                    <a:pt x="20894" y="14649"/>
                  </a:lnTo>
                  <a:lnTo>
                    <a:pt x="21143" y="13920"/>
                  </a:lnTo>
                  <a:lnTo>
                    <a:pt x="21340" y="13168"/>
                  </a:lnTo>
                  <a:lnTo>
                    <a:pt x="21483" y="12396"/>
                  </a:lnTo>
                  <a:lnTo>
                    <a:pt x="21570" y="11606"/>
                  </a:lnTo>
                  <a:lnTo>
                    <a:pt x="21600" y="10800"/>
                  </a:lnTo>
                  <a:lnTo>
                    <a:pt x="21570" y="9994"/>
                  </a:lnTo>
                  <a:lnTo>
                    <a:pt x="21483" y="9205"/>
                  </a:lnTo>
                  <a:lnTo>
                    <a:pt x="21340" y="8433"/>
                  </a:lnTo>
                  <a:lnTo>
                    <a:pt x="21143" y="7681"/>
                  </a:lnTo>
                  <a:lnTo>
                    <a:pt x="20894" y="6952"/>
                  </a:lnTo>
                  <a:lnTo>
                    <a:pt x="20596" y="6247"/>
                  </a:lnTo>
                  <a:lnTo>
                    <a:pt x="20251" y="5569"/>
                  </a:lnTo>
                  <a:lnTo>
                    <a:pt x="19860" y="4920"/>
                  </a:lnTo>
                  <a:lnTo>
                    <a:pt x="19426" y="4301"/>
                  </a:lnTo>
                  <a:lnTo>
                    <a:pt x="18951" y="3715"/>
                  </a:lnTo>
                  <a:lnTo>
                    <a:pt x="18437" y="3164"/>
                  </a:lnTo>
                  <a:lnTo>
                    <a:pt x="17886" y="2649"/>
                  </a:lnTo>
                  <a:lnTo>
                    <a:pt x="17300" y="2174"/>
                  </a:lnTo>
                  <a:lnTo>
                    <a:pt x="16681" y="1740"/>
                  </a:lnTo>
                  <a:lnTo>
                    <a:pt x="16032" y="1349"/>
                  </a:lnTo>
                  <a:lnTo>
                    <a:pt x="15353" y="1004"/>
                  </a:lnTo>
                  <a:lnTo>
                    <a:pt x="14649" y="706"/>
                  </a:lnTo>
                  <a:lnTo>
                    <a:pt x="13920" y="457"/>
                  </a:lnTo>
                  <a:lnTo>
                    <a:pt x="13168" y="260"/>
                  </a:lnTo>
                  <a:lnTo>
                    <a:pt x="12396" y="117"/>
                  </a:lnTo>
                  <a:lnTo>
                    <a:pt x="11606" y="30"/>
                  </a:lnTo>
                  <a:lnTo>
                    <a:pt x="10800" y="0"/>
                  </a:lnTo>
                  <a:close/>
                </a:path>
              </a:pathLst>
            </a:custGeom>
            <a:solidFill>
              <a:srgbClr val="F9D2D2"/>
            </a:solidFill>
            <a:ln w="12700" cap="flat">
              <a:noFill/>
              <a:miter lim="400000"/>
            </a:ln>
            <a:effectLst/>
          </p:spPr>
          <p:txBody>
            <a:bodyPr wrap="square" lIns="45718" tIns="45718" rIns="45718" bIns="45718" numCol="1" anchor="t">
              <a:noAutofit/>
            </a:bodyPr>
            <a:lstStyle/>
            <a:p>
              <a:pPr>
                <a:defRPr sz="800">
                  <a:latin typeface="+mj-lt"/>
                  <a:ea typeface="+mj-ea"/>
                  <a:cs typeface="+mj-cs"/>
                  <a:sym typeface="Calibri"/>
                </a:defRPr>
              </a:pPr>
              <a:endParaRPr sz="840"/>
            </a:p>
          </p:txBody>
        </p:sp>
        <p:sp>
          <p:nvSpPr>
            <p:cNvPr id="187" name="object 7"/>
            <p:cNvSpPr/>
            <p:nvPr/>
          </p:nvSpPr>
          <p:spPr>
            <a:xfrm>
              <a:off x="566577" y="-1"/>
              <a:ext cx="399462" cy="399446"/>
            </a:xfrm>
            <a:custGeom>
              <a:avLst/>
              <a:gdLst/>
              <a:ahLst/>
              <a:cxnLst>
                <a:cxn ang="0">
                  <a:pos x="wd2" y="hd2"/>
                </a:cxn>
                <a:cxn ang="5400000">
                  <a:pos x="wd2" y="hd2"/>
                </a:cxn>
                <a:cxn ang="10800000">
                  <a:pos x="wd2" y="hd2"/>
                </a:cxn>
                <a:cxn ang="16200000">
                  <a:pos x="wd2" y="hd2"/>
                </a:cxn>
              </a:cxnLst>
              <a:rect l="0" t="0" r="r" b="b"/>
              <a:pathLst>
                <a:path w="21600" h="21600" extrusionOk="0">
                  <a:moveTo>
                    <a:pt x="10800" y="0"/>
                  </a:moveTo>
                  <a:lnTo>
                    <a:pt x="9994" y="30"/>
                  </a:lnTo>
                  <a:lnTo>
                    <a:pt x="9204" y="117"/>
                  </a:lnTo>
                  <a:lnTo>
                    <a:pt x="8432" y="260"/>
                  </a:lnTo>
                  <a:lnTo>
                    <a:pt x="7681" y="457"/>
                  </a:lnTo>
                  <a:lnTo>
                    <a:pt x="6951" y="706"/>
                  </a:lnTo>
                  <a:lnTo>
                    <a:pt x="6247" y="1004"/>
                  </a:lnTo>
                  <a:lnTo>
                    <a:pt x="5569" y="1349"/>
                  </a:lnTo>
                  <a:lnTo>
                    <a:pt x="4919" y="1740"/>
                  </a:lnTo>
                  <a:lnTo>
                    <a:pt x="4300" y="2174"/>
                  </a:lnTo>
                  <a:lnTo>
                    <a:pt x="3714" y="2649"/>
                  </a:lnTo>
                  <a:lnTo>
                    <a:pt x="3163" y="3164"/>
                  </a:lnTo>
                  <a:lnTo>
                    <a:pt x="2649" y="3715"/>
                  </a:lnTo>
                  <a:lnTo>
                    <a:pt x="2174" y="4301"/>
                  </a:lnTo>
                  <a:lnTo>
                    <a:pt x="1740" y="4920"/>
                  </a:lnTo>
                  <a:lnTo>
                    <a:pt x="1349" y="5569"/>
                  </a:lnTo>
                  <a:lnTo>
                    <a:pt x="1004" y="6247"/>
                  </a:lnTo>
                  <a:lnTo>
                    <a:pt x="706" y="6952"/>
                  </a:lnTo>
                  <a:lnTo>
                    <a:pt x="457" y="7681"/>
                  </a:lnTo>
                  <a:lnTo>
                    <a:pt x="260" y="8433"/>
                  </a:lnTo>
                  <a:lnTo>
                    <a:pt x="117" y="9205"/>
                  </a:lnTo>
                  <a:lnTo>
                    <a:pt x="30" y="9994"/>
                  </a:lnTo>
                  <a:lnTo>
                    <a:pt x="0" y="10800"/>
                  </a:lnTo>
                  <a:lnTo>
                    <a:pt x="30" y="11606"/>
                  </a:lnTo>
                  <a:lnTo>
                    <a:pt x="117" y="12396"/>
                  </a:lnTo>
                  <a:lnTo>
                    <a:pt x="260" y="13168"/>
                  </a:lnTo>
                  <a:lnTo>
                    <a:pt x="457" y="13920"/>
                  </a:lnTo>
                  <a:lnTo>
                    <a:pt x="706" y="14649"/>
                  </a:lnTo>
                  <a:lnTo>
                    <a:pt x="1004" y="15353"/>
                  </a:lnTo>
                  <a:lnTo>
                    <a:pt x="1349" y="16032"/>
                  </a:lnTo>
                  <a:lnTo>
                    <a:pt x="1740" y="16681"/>
                  </a:lnTo>
                  <a:lnTo>
                    <a:pt x="2174" y="17300"/>
                  </a:lnTo>
                  <a:lnTo>
                    <a:pt x="2649" y="17886"/>
                  </a:lnTo>
                  <a:lnTo>
                    <a:pt x="3163" y="18437"/>
                  </a:lnTo>
                  <a:lnTo>
                    <a:pt x="3714" y="18951"/>
                  </a:lnTo>
                  <a:lnTo>
                    <a:pt x="4300" y="19426"/>
                  </a:lnTo>
                  <a:lnTo>
                    <a:pt x="4919" y="19860"/>
                  </a:lnTo>
                  <a:lnTo>
                    <a:pt x="5569" y="20251"/>
                  </a:lnTo>
                  <a:lnTo>
                    <a:pt x="6247" y="20596"/>
                  </a:lnTo>
                  <a:lnTo>
                    <a:pt x="6951" y="20894"/>
                  </a:lnTo>
                  <a:lnTo>
                    <a:pt x="7681" y="21143"/>
                  </a:lnTo>
                  <a:lnTo>
                    <a:pt x="8432" y="21340"/>
                  </a:lnTo>
                  <a:lnTo>
                    <a:pt x="9204" y="21483"/>
                  </a:lnTo>
                  <a:lnTo>
                    <a:pt x="9994" y="21570"/>
                  </a:lnTo>
                  <a:lnTo>
                    <a:pt x="10800" y="21600"/>
                  </a:lnTo>
                  <a:lnTo>
                    <a:pt x="11606" y="21570"/>
                  </a:lnTo>
                  <a:lnTo>
                    <a:pt x="12396" y="21483"/>
                  </a:lnTo>
                  <a:lnTo>
                    <a:pt x="13167" y="21340"/>
                  </a:lnTo>
                  <a:lnTo>
                    <a:pt x="13919" y="21143"/>
                  </a:lnTo>
                  <a:lnTo>
                    <a:pt x="14648" y="20894"/>
                  </a:lnTo>
                  <a:lnTo>
                    <a:pt x="15353" y="20596"/>
                  </a:lnTo>
                  <a:lnTo>
                    <a:pt x="16031" y="20251"/>
                  </a:lnTo>
                  <a:lnTo>
                    <a:pt x="16680" y="19860"/>
                  </a:lnTo>
                  <a:lnTo>
                    <a:pt x="17299" y="19426"/>
                  </a:lnTo>
                  <a:lnTo>
                    <a:pt x="17885" y="18951"/>
                  </a:lnTo>
                  <a:lnTo>
                    <a:pt x="18437" y="18437"/>
                  </a:lnTo>
                  <a:lnTo>
                    <a:pt x="18951" y="17886"/>
                  </a:lnTo>
                  <a:lnTo>
                    <a:pt x="19426" y="17300"/>
                  </a:lnTo>
                  <a:lnTo>
                    <a:pt x="19860" y="16681"/>
                  </a:lnTo>
                  <a:lnTo>
                    <a:pt x="20251" y="16032"/>
                  </a:lnTo>
                  <a:lnTo>
                    <a:pt x="20596" y="15353"/>
                  </a:lnTo>
                  <a:lnTo>
                    <a:pt x="20894" y="14649"/>
                  </a:lnTo>
                  <a:lnTo>
                    <a:pt x="21143" y="13920"/>
                  </a:lnTo>
                  <a:lnTo>
                    <a:pt x="21340" y="13168"/>
                  </a:lnTo>
                  <a:lnTo>
                    <a:pt x="21483" y="12396"/>
                  </a:lnTo>
                  <a:lnTo>
                    <a:pt x="21570" y="11606"/>
                  </a:lnTo>
                  <a:lnTo>
                    <a:pt x="21600" y="10800"/>
                  </a:lnTo>
                  <a:lnTo>
                    <a:pt x="21570" y="9994"/>
                  </a:lnTo>
                  <a:lnTo>
                    <a:pt x="21483" y="9205"/>
                  </a:lnTo>
                  <a:lnTo>
                    <a:pt x="21340" y="8433"/>
                  </a:lnTo>
                  <a:lnTo>
                    <a:pt x="21143" y="7681"/>
                  </a:lnTo>
                  <a:lnTo>
                    <a:pt x="20894" y="6952"/>
                  </a:lnTo>
                  <a:lnTo>
                    <a:pt x="20596" y="6247"/>
                  </a:lnTo>
                  <a:lnTo>
                    <a:pt x="20251" y="5569"/>
                  </a:lnTo>
                  <a:lnTo>
                    <a:pt x="19860" y="4920"/>
                  </a:lnTo>
                  <a:lnTo>
                    <a:pt x="19426" y="4301"/>
                  </a:lnTo>
                  <a:lnTo>
                    <a:pt x="18951" y="3715"/>
                  </a:lnTo>
                  <a:lnTo>
                    <a:pt x="18437" y="3164"/>
                  </a:lnTo>
                  <a:lnTo>
                    <a:pt x="17885" y="2649"/>
                  </a:lnTo>
                  <a:lnTo>
                    <a:pt x="17299" y="2174"/>
                  </a:lnTo>
                  <a:lnTo>
                    <a:pt x="16680" y="1740"/>
                  </a:lnTo>
                  <a:lnTo>
                    <a:pt x="16031" y="1349"/>
                  </a:lnTo>
                  <a:lnTo>
                    <a:pt x="15353" y="1004"/>
                  </a:lnTo>
                  <a:lnTo>
                    <a:pt x="14648" y="706"/>
                  </a:lnTo>
                  <a:lnTo>
                    <a:pt x="13919" y="457"/>
                  </a:lnTo>
                  <a:lnTo>
                    <a:pt x="13167" y="260"/>
                  </a:lnTo>
                  <a:lnTo>
                    <a:pt x="12396" y="117"/>
                  </a:lnTo>
                  <a:lnTo>
                    <a:pt x="11606" y="30"/>
                  </a:lnTo>
                  <a:lnTo>
                    <a:pt x="10800" y="0"/>
                  </a:lnTo>
                  <a:close/>
                </a:path>
              </a:pathLst>
            </a:custGeom>
            <a:solidFill>
              <a:srgbClr val="9FB8C3"/>
            </a:solidFill>
            <a:ln w="12700" cap="flat">
              <a:noFill/>
              <a:miter lim="400000"/>
            </a:ln>
            <a:effectLst/>
          </p:spPr>
          <p:txBody>
            <a:bodyPr wrap="square" lIns="45718" tIns="45718" rIns="45718" bIns="45718" numCol="1" anchor="t">
              <a:noAutofit/>
            </a:bodyPr>
            <a:lstStyle/>
            <a:p>
              <a:pPr>
                <a:defRPr sz="800">
                  <a:latin typeface="+mj-lt"/>
                  <a:ea typeface="+mj-ea"/>
                  <a:cs typeface="+mj-cs"/>
                  <a:sym typeface="Calibri"/>
                </a:defRPr>
              </a:pPr>
              <a:endParaRPr sz="840"/>
            </a:p>
          </p:txBody>
        </p:sp>
        <p:sp>
          <p:nvSpPr>
            <p:cNvPr id="188" name="object 8"/>
            <p:cNvSpPr/>
            <p:nvPr/>
          </p:nvSpPr>
          <p:spPr>
            <a:xfrm>
              <a:off x="566577" y="551083"/>
              <a:ext cx="399462" cy="399465"/>
            </a:xfrm>
            <a:custGeom>
              <a:avLst/>
              <a:gdLst/>
              <a:ahLst/>
              <a:cxnLst>
                <a:cxn ang="0">
                  <a:pos x="wd2" y="hd2"/>
                </a:cxn>
                <a:cxn ang="5400000">
                  <a:pos x="wd2" y="hd2"/>
                </a:cxn>
                <a:cxn ang="10800000">
                  <a:pos x="wd2" y="hd2"/>
                </a:cxn>
                <a:cxn ang="16200000">
                  <a:pos x="wd2" y="hd2"/>
                </a:cxn>
              </a:cxnLst>
              <a:rect l="0" t="0" r="r" b="b"/>
              <a:pathLst>
                <a:path w="21600" h="21600" extrusionOk="0">
                  <a:moveTo>
                    <a:pt x="10800" y="0"/>
                  </a:moveTo>
                  <a:lnTo>
                    <a:pt x="9994" y="30"/>
                  </a:lnTo>
                  <a:lnTo>
                    <a:pt x="9204" y="117"/>
                  </a:lnTo>
                  <a:lnTo>
                    <a:pt x="8432" y="260"/>
                  </a:lnTo>
                  <a:lnTo>
                    <a:pt x="7681" y="457"/>
                  </a:lnTo>
                  <a:lnTo>
                    <a:pt x="6951" y="706"/>
                  </a:lnTo>
                  <a:lnTo>
                    <a:pt x="6247" y="1004"/>
                  </a:lnTo>
                  <a:lnTo>
                    <a:pt x="5569" y="1349"/>
                  </a:lnTo>
                  <a:lnTo>
                    <a:pt x="4919" y="1740"/>
                  </a:lnTo>
                  <a:lnTo>
                    <a:pt x="4300" y="2174"/>
                  </a:lnTo>
                  <a:lnTo>
                    <a:pt x="3714" y="2649"/>
                  </a:lnTo>
                  <a:lnTo>
                    <a:pt x="3163" y="3163"/>
                  </a:lnTo>
                  <a:lnTo>
                    <a:pt x="2649" y="3715"/>
                  </a:lnTo>
                  <a:lnTo>
                    <a:pt x="2174" y="4301"/>
                  </a:lnTo>
                  <a:lnTo>
                    <a:pt x="1740" y="4919"/>
                  </a:lnTo>
                  <a:lnTo>
                    <a:pt x="1349" y="5569"/>
                  </a:lnTo>
                  <a:lnTo>
                    <a:pt x="1004" y="6247"/>
                  </a:lnTo>
                  <a:lnTo>
                    <a:pt x="706" y="6952"/>
                  </a:lnTo>
                  <a:lnTo>
                    <a:pt x="457" y="7681"/>
                  </a:lnTo>
                  <a:lnTo>
                    <a:pt x="260" y="8432"/>
                  </a:lnTo>
                  <a:lnTo>
                    <a:pt x="117" y="9204"/>
                  </a:lnTo>
                  <a:lnTo>
                    <a:pt x="30" y="9994"/>
                  </a:lnTo>
                  <a:lnTo>
                    <a:pt x="0" y="10800"/>
                  </a:lnTo>
                  <a:lnTo>
                    <a:pt x="30" y="11606"/>
                  </a:lnTo>
                  <a:lnTo>
                    <a:pt x="117" y="12396"/>
                  </a:lnTo>
                  <a:lnTo>
                    <a:pt x="260" y="13168"/>
                  </a:lnTo>
                  <a:lnTo>
                    <a:pt x="457" y="13919"/>
                  </a:lnTo>
                  <a:lnTo>
                    <a:pt x="706" y="14648"/>
                  </a:lnTo>
                  <a:lnTo>
                    <a:pt x="1004" y="15353"/>
                  </a:lnTo>
                  <a:lnTo>
                    <a:pt x="1349" y="16031"/>
                  </a:lnTo>
                  <a:lnTo>
                    <a:pt x="1740" y="16681"/>
                  </a:lnTo>
                  <a:lnTo>
                    <a:pt x="2174" y="17299"/>
                  </a:lnTo>
                  <a:lnTo>
                    <a:pt x="2649" y="17885"/>
                  </a:lnTo>
                  <a:lnTo>
                    <a:pt x="3163" y="18437"/>
                  </a:lnTo>
                  <a:lnTo>
                    <a:pt x="3714" y="18951"/>
                  </a:lnTo>
                  <a:lnTo>
                    <a:pt x="4300" y="19426"/>
                  </a:lnTo>
                  <a:lnTo>
                    <a:pt x="4919" y="19860"/>
                  </a:lnTo>
                  <a:lnTo>
                    <a:pt x="5569" y="20251"/>
                  </a:lnTo>
                  <a:lnTo>
                    <a:pt x="6247" y="20596"/>
                  </a:lnTo>
                  <a:lnTo>
                    <a:pt x="6951" y="20894"/>
                  </a:lnTo>
                  <a:lnTo>
                    <a:pt x="7681" y="21143"/>
                  </a:lnTo>
                  <a:lnTo>
                    <a:pt x="8432" y="21340"/>
                  </a:lnTo>
                  <a:lnTo>
                    <a:pt x="9204" y="21483"/>
                  </a:lnTo>
                  <a:lnTo>
                    <a:pt x="9994" y="21570"/>
                  </a:lnTo>
                  <a:lnTo>
                    <a:pt x="10800" y="21600"/>
                  </a:lnTo>
                  <a:lnTo>
                    <a:pt x="11606" y="21570"/>
                  </a:lnTo>
                  <a:lnTo>
                    <a:pt x="12396" y="21483"/>
                  </a:lnTo>
                  <a:lnTo>
                    <a:pt x="13167" y="21340"/>
                  </a:lnTo>
                  <a:lnTo>
                    <a:pt x="13919" y="21143"/>
                  </a:lnTo>
                  <a:lnTo>
                    <a:pt x="14648" y="20894"/>
                  </a:lnTo>
                  <a:lnTo>
                    <a:pt x="15353" y="20596"/>
                  </a:lnTo>
                  <a:lnTo>
                    <a:pt x="16031" y="20251"/>
                  </a:lnTo>
                  <a:lnTo>
                    <a:pt x="16680" y="19860"/>
                  </a:lnTo>
                  <a:lnTo>
                    <a:pt x="17299" y="19426"/>
                  </a:lnTo>
                  <a:lnTo>
                    <a:pt x="17885" y="18951"/>
                  </a:lnTo>
                  <a:lnTo>
                    <a:pt x="18437" y="18437"/>
                  </a:lnTo>
                  <a:lnTo>
                    <a:pt x="18951" y="17885"/>
                  </a:lnTo>
                  <a:lnTo>
                    <a:pt x="19426" y="17299"/>
                  </a:lnTo>
                  <a:lnTo>
                    <a:pt x="19860" y="16681"/>
                  </a:lnTo>
                  <a:lnTo>
                    <a:pt x="20251" y="16031"/>
                  </a:lnTo>
                  <a:lnTo>
                    <a:pt x="20596" y="15353"/>
                  </a:lnTo>
                  <a:lnTo>
                    <a:pt x="20894" y="14648"/>
                  </a:lnTo>
                  <a:lnTo>
                    <a:pt x="21143" y="13919"/>
                  </a:lnTo>
                  <a:lnTo>
                    <a:pt x="21340" y="13168"/>
                  </a:lnTo>
                  <a:lnTo>
                    <a:pt x="21483" y="12396"/>
                  </a:lnTo>
                  <a:lnTo>
                    <a:pt x="21570" y="11606"/>
                  </a:lnTo>
                  <a:lnTo>
                    <a:pt x="21600" y="10800"/>
                  </a:lnTo>
                  <a:lnTo>
                    <a:pt x="21570" y="9994"/>
                  </a:lnTo>
                  <a:lnTo>
                    <a:pt x="21483" y="9204"/>
                  </a:lnTo>
                  <a:lnTo>
                    <a:pt x="21340" y="8432"/>
                  </a:lnTo>
                  <a:lnTo>
                    <a:pt x="21143" y="7681"/>
                  </a:lnTo>
                  <a:lnTo>
                    <a:pt x="20894" y="6952"/>
                  </a:lnTo>
                  <a:lnTo>
                    <a:pt x="20596" y="6247"/>
                  </a:lnTo>
                  <a:lnTo>
                    <a:pt x="20251" y="5569"/>
                  </a:lnTo>
                  <a:lnTo>
                    <a:pt x="19860" y="4919"/>
                  </a:lnTo>
                  <a:lnTo>
                    <a:pt x="19426" y="4301"/>
                  </a:lnTo>
                  <a:lnTo>
                    <a:pt x="18951" y="3715"/>
                  </a:lnTo>
                  <a:lnTo>
                    <a:pt x="18437" y="3163"/>
                  </a:lnTo>
                  <a:lnTo>
                    <a:pt x="17885" y="2649"/>
                  </a:lnTo>
                  <a:lnTo>
                    <a:pt x="17299" y="2174"/>
                  </a:lnTo>
                  <a:lnTo>
                    <a:pt x="16680" y="1740"/>
                  </a:lnTo>
                  <a:lnTo>
                    <a:pt x="16031" y="1349"/>
                  </a:lnTo>
                  <a:lnTo>
                    <a:pt x="15353" y="1004"/>
                  </a:lnTo>
                  <a:lnTo>
                    <a:pt x="14648" y="706"/>
                  </a:lnTo>
                  <a:lnTo>
                    <a:pt x="13919" y="457"/>
                  </a:lnTo>
                  <a:lnTo>
                    <a:pt x="13167" y="260"/>
                  </a:lnTo>
                  <a:lnTo>
                    <a:pt x="12396" y="117"/>
                  </a:lnTo>
                  <a:lnTo>
                    <a:pt x="11606" y="30"/>
                  </a:lnTo>
                  <a:lnTo>
                    <a:pt x="10800" y="0"/>
                  </a:lnTo>
                  <a:close/>
                </a:path>
              </a:pathLst>
            </a:custGeom>
            <a:solidFill>
              <a:srgbClr val="C78B9B"/>
            </a:solidFill>
            <a:ln w="12700" cap="flat">
              <a:noFill/>
              <a:miter lim="400000"/>
            </a:ln>
            <a:effectLst/>
          </p:spPr>
          <p:txBody>
            <a:bodyPr wrap="square" lIns="45718" tIns="45718" rIns="45718" bIns="45718" numCol="1" anchor="t">
              <a:noAutofit/>
            </a:bodyPr>
            <a:lstStyle/>
            <a:p>
              <a:pPr>
                <a:defRPr sz="800">
                  <a:latin typeface="+mj-lt"/>
                  <a:ea typeface="+mj-ea"/>
                  <a:cs typeface="+mj-cs"/>
                  <a:sym typeface="Calibri"/>
                </a:defRPr>
              </a:pPr>
              <a:endParaRPr sz="840"/>
            </a:p>
          </p:txBody>
        </p:sp>
        <p:sp>
          <p:nvSpPr>
            <p:cNvPr id="189" name="object 9"/>
            <p:cNvSpPr/>
            <p:nvPr/>
          </p:nvSpPr>
          <p:spPr>
            <a:xfrm>
              <a:off x="1122972" y="1106240"/>
              <a:ext cx="399457" cy="399465"/>
            </a:xfrm>
            <a:custGeom>
              <a:avLst/>
              <a:gdLst/>
              <a:ahLst/>
              <a:cxnLst>
                <a:cxn ang="0">
                  <a:pos x="wd2" y="hd2"/>
                </a:cxn>
                <a:cxn ang="5400000">
                  <a:pos x="wd2" y="hd2"/>
                </a:cxn>
                <a:cxn ang="10800000">
                  <a:pos x="wd2" y="hd2"/>
                </a:cxn>
                <a:cxn ang="16200000">
                  <a:pos x="wd2" y="hd2"/>
                </a:cxn>
              </a:cxnLst>
              <a:rect l="0" t="0" r="r" b="b"/>
              <a:pathLst>
                <a:path w="21600" h="21600" extrusionOk="0">
                  <a:moveTo>
                    <a:pt x="10800" y="0"/>
                  </a:moveTo>
                  <a:lnTo>
                    <a:pt x="9994" y="30"/>
                  </a:lnTo>
                  <a:lnTo>
                    <a:pt x="9205" y="117"/>
                  </a:lnTo>
                  <a:lnTo>
                    <a:pt x="8433" y="260"/>
                  </a:lnTo>
                  <a:lnTo>
                    <a:pt x="7681" y="457"/>
                  </a:lnTo>
                  <a:lnTo>
                    <a:pt x="6952" y="706"/>
                  </a:lnTo>
                  <a:lnTo>
                    <a:pt x="6247" y="1004"/>
                  </a:lnTo>
                  <a:lnTo>
                    <a:pt x="5569" y="1349"/>
                  </a:lnTo>
                  <a:lnTo>
                    <a:pt x="4920" y="1740"/>
                  </a:lnTo>
                  <a:lnTo>
                    <a:pt x="4301" y="2174"/>
                  </a:lnTo>
                  <a:lnTo>
                    <a:pt x="3715" y="2649"/>
                  </a:lnTo>
                  <a:lnTo>
                    <a:pt x="3164" y="3163"/>
                  </a:lnTo>
                  <a:lnTo>
                    <a:pt x="2649" y="3715"/>
                  </a:lnTo>
                  <a:lnTo>
                    <a:pt x="2174" y="4301"/>
                  </a:lnTo>
                  <a:lnTo>
                    <a:pt x="1740" y="4919"/>
                  </a:lnTo>
                  <a:lnTo>
                    <a:pt x="1349" y="5569"/>
                  </a:lnTo>
                  <a:lnTo>
                    <a:pt x="1004" y="6247"/>
                  </a:lnTo>
                  <a:lnTo>
                    <a:pt x="706" y="6952"/>
                  </a:lnTo>
                  <a:lnTo>
                    <a:pt x="457" y="7681"/>
                  </a:lnTo>
                  <a:lnTo>
                    <a:pt x="260" y="8432"/>
                  </a:lnTo>
                  <a:lnTo>
                    <a:pt x="117" y="9204"/>
                  </a:lnTo>
                  <a:lnTo>
                    <a:pt x="30" y="9994"/>
                  </a:lnTo>
                  <a:lnTo>
                    <a:pt x="0" y="10800"/>
                  </a:lnTo>
                  <a:lnTo>
                    <a:pt x="30" y="11606"/>
                  </a:lnTo>
                  <a:lnTo>
                    <a:pt x="117" y="12396"/>
                  </a:lnTo>
                  <a:lnTo>
                    <a:pt x="260" y="13168"/>
                  </a:lnTo>
                  <a:lnTo>
                    <a:pt x="457" y="13919"/>
                  </a:lnTo>
                  <a:lnTo>
                    <a:pt x="706" y="14648"/>
                  </a:lnTo>
                  <a:lnTo>
                    <a:pt x="1004" y="15353"/>
                  </a:lnTo>
                  <a:lnTo>
                    <a:pt x="1349" y="16031"/>
                  </a:lnTo>
                  <a:lnTo>
                    <a:pt x="1740" y="16681"/>
                  </a:lnTo>
                  <a:lnTo>
                    <a:pt x="2174" y="17299"/>
                  </a:lnTo>
                  <a:lnTo>
                    <a:pt x="2649" y="17885"/>
                  </a:lnTo>
                  <a:lnTo>
                    <a:pt x="3164" y="18437"/>
                  </a:lnTo>
                  <a:lnTo>
                    <a:pt x="3715" y="18951"/>
                  </a:lnTo>
                  <a:lnTo>
                    <a:pt x="4301" y="19426"/>
                  </a:lnTo>
                  <a:lnTo>
                    <a:pt x="4920" y="19860"/>
                  </a:lnTo>
                  <a:lnTo>
                    <a:pt x="5569" y="20251"/>
                  </a:lnTo>
                  <a:lnTo>
                    <a:pt x="6247" y="20596"/>
                  </a:lnTo>
                  <a:lnTo>
                    <a:pt x="6952" y="20894"/>
                  </a:lnTo>
                  <a:lnTo>
                    <a:pt x="7681" y="21143"/>
                  </a:lnTo>
                  <a:lnTo>
                    <a:pt x="8433" y="21340"/>
                  </a:lnTo>
                  <a:lnTo>
                    <a:pt x="9205" y="21483"/>
                  </a:lnTo>
                  <a:lnTo>
                    <a:pt x="9994" y="21570"/>
                  </a:lnTo>
                  <a:lnTo>
                    <a:pt x="10800" y="21600"/>
                  </a:lnTo>
                  <a:lnTo>
                    <a:pt x="11606" y="21570"/>
                  </a:lnTo>
                  <a:lnTo>
                    <a:pt x="12396" y="21483"/>
                  </a:lnTo>
                  <a:lnTo>
                    <a:pt x="13168" y="21340"/>
                  </a:lnTo>
                  <a:lnTo>
                    <a:pt x="13920" y="21143"/>
                  </a:lnTo>
                  <a:lnTo>
                    <a:pt x="14649" y="20894"/>
                  </a:lnTo>
                  <a:lnTo>
                    <a:pt x="15353" y="20596"/>
                  </a:lnTo>
                  <a:lnTo>
                    <a:pt x="16032" y="20251"/>
                  </a:lnTo>
                  <a:lnTo>
                    <a:pt x="16681" y="19860"/>
                  </a:lnTo>
                  <a:lnTo>
                    <a:pt x="17300" y="19426"/>
                  </a:lnTo>
                  <a:lnTo>
                    <a:pt x="17886" y="18951"/>
                  </a:lnTo>
                  <a:lnTo>
                    <a:pt x="18437" y="18437"/>
                  </a:lnTo>
                  <a:lnTo>
                    <a:pt x="18951" y="17885"/>
                  </a:lnTo>
                  <a:lnTo>
                    <a:pt x="19426" y="17299"/>
                  </a:lnTo>
                  <a:lnTo>
                    <a:pt x="19860" y="16681"/>
                  </a:lnTo>
                  <a:lnTo>
                    <a:pt x="20251" y="16031"/>
                  </a:lnTo>
                  <a:lnTo>
                    <a:pt x="20596" y="15353"/>
                  </a:lnTo>
                  <a:lnTo>
                    <a:pt x="20894" y="14648"/>
                  </a:lnTo>
                  <a:lnTo>
                    <a:pt x="21143" y="13919"/>
                  </a:lnTo>
                  <a:lnTo>
                    <a:pt x="21340" y="13168"/>
                  </a:lnTo>
                  <a:lnTo>
                    <a:pt x="21483" y="12396"/>
                  </a:lnTo>
                  <a:lnTo>
                    <a:pt x="21570" y="11606"/>
                  </a:lnTo>
                  <a:lnTo>
                    <a:pt x="21600" y="10800"/>
                  </a:lnTo>
                  <a:lnTo>
                    <a:pt x="21570" y="9994"/>
                  </a:lnTo>
                  <a:lnTo>
                    <a:pt x="21483" y="9204"/>
                  </a:lnTo>
                  <a:lnTo>
                    <a:pt x="21340" y="8432"/>
                  </a:lnTo>
                  <a:lnTo>
                    <a:pt x="21143" y="7681"/>
                  </a:lnTo>
                  <a:lnTo>
                    <a:pt x="20894" y="6952"/>
                  </a:lnTo>
                  <a:lnTo>
                    <a:pt x="20596" y="6247"/>
                  </a:lnTo>
                  <a:lnTo>
                    <a:pt x="20251" y="5569"/>
                  </a:lnTo>
                  <a:lnTo>
                    <a:pt x="19860" y="4919"/>
                  </a:lnTo>
                  <a:lnTo>
                    <a:pt x="19426" y="4301"/>
                  </a:lnTo>
                  <a:lnTo>
                    <a:pt x="18951" y="3715"/>
                  </a:lnTo>
                  <a:lnTo>
                    <a:pt x="18437" y="3163"/>
                  </a:lnTo>
                  <a:lnTo>
                    <a:pt x="17886" y="2649"/>
                  </a:lnTo>
                  <a:lnTo>
                    <a:pt x="17300" y="2174"/>
                  </a:lnTo>
                  <a:lnTo>
                    <a:pt x="16681" y="1740"/>
                  </a:lnTo>
                  <a:lnTo>
                    <a:pt x="16032" y="1349"/>
                  </a:lnTo>
                  <a:lnTo>
                    <a:pt x="15353" y="1004"/>
                  </a:lnTo>
                  <a:lnTo>
                    <a:pt x="14649" y="706"/>
                  </a:lnTo>
                  <a:lnTo>
                    <a:pt x="13920" y="457"/>
                  </a:lnTo>
                  <a:lnTo>
                    <a:pt x="13168" y="260"/>
                  </a:lnTo>
                  <a:lnTo>
                    <a:pt x="12396" y="117"/>
                  </a:lnTo>
                  <a:lnTo>
                    <a:pt x="11606" y="30"/>
                  </a:lnTo>
                  <a:lnTo>
                    <a:pt x="10800" y="0"/>
                  </a:lnTo>
                  <a:close/>
                </a:path>
              </a:pathLst>
            </a:custGeom>
            <a:solidFill>
              <a:srgbClr val="A4281E"/>
            </a:solidFill>
            <a:ln w="12700" cap="flat">
              <a:noFill/>
              <a:miter lim="400000"/>
            </a:ln>
            <a:effectLst/>
          </p:spPr>
          <p:txBody>
            <a:bodyPr wrap="square" lIns="45718" tIns="45718" rIns="45718" bIns="45718" numCol="1" anchor="t">
              <a:noAutofit/>
            </a:bodyPr>
            <a:lstStyle/>
            <a:p>
              <a:pPr>
                <a:defRPr sz="800">
                  <a:latin typeface="+mj-lt"/>
                  <a:ea typeface="+mj-ea"/>
                  <a:cs typeface="+mj-cs"/>
                  <a:sym typeface="Calibri"/>
                </a:defRPr>
              </a:pPr>
              <a:endParaRPr sz="840"/>
            </a:p>
          </p:txBody>
        </p:sp>
        <p:sp>
          <p:nvSpPr>
            <p:cNvPr id="190" name="object 10"/>
            <p:cNvSpPr/>
            <p:nvPr/>
          </p:nvSpPr>
          <p:spPr>
            <a:xfrm>
              <a:off x="1678959" y="1106240"/>
              <a:ext cx="399457" cy="399465"/>
            </a:xfrm>
            <a:custGeom>
              <a:avLst/>
              <a:gdLst/>
              <a:ahLst/>
              <a:cxnLst>
                <a:cxn ang="0">
                  <a:pos x="wd2" y="hd2"/>
                </a:cxn>
                <a:cxn ang="5400000">
                  <a:pos x="wd2" y="hd2"/>
                </a:cxn>
                <a:cxn ang="10800000">
                  <a:pos x="wd2" y="hd2"/>
                </a:cxn>
                <a:cxn ang="16200000">
                  <a:pos x="wd2" y="hd2"/>
                </a:cxn>
              </a:cxnLst>
              <a:rect l="0" t="0" r="r" b="b"/>
              <a:pathLst>
                <a:path w="21600" h="21600" extrusionOk="0">
                  <a:moveTo>
                    <a:pt x="10800" y="0"/>
                  </a:moveTo>
                  <a:lnTo>
                    <a:pt x="9994" y="30"/>
                  </a:lnTo>
                  <a:lnTo>
                    <a:pt x="9205" y="117"/>
                  </a:lnTo>
                  <a:lnTo>
                    <a:pt x="8433" y="260"/>
                  </a:lnTo>
                  <a:lnTo>
                    <a:pt x="7681" y="457"/>
                  </a:lnTo>
                  <a:lnTo>
                    <a:pt x="6952" y="706"/>
                  </a:lnTo>
                  <a:lnTo>
                    <a:pt x="6247" y="1004"/>
                  </a:lnTo>
                  <a:lnTo>
                    <a:pt x="5569" y="1349"/>
                  </a:lnTo>
                  <a:lnTo>
                    <a:pt x="4920" y="1740"/>
                  </a:lnTo>
                  <a:lnTo>
                    <a:pt x="4301" y="2174"/>
                  </a:lnTo>
                  <a:lnTo>
                    <a:pt x="3715" y="2649"/>
                  </a:lnTo>
                  <a:lnTo>
                    <a:pt x="3164" y="3163"/>
                  </a:lnTo>
                  <a:lnTo>
                    <a:pt x="2649" y="3715"/>
                  </a:lnTo>
                  <a:lnTo>
                    <a:pt x="2174" y="4301"/>
                  </a:lnTo>
                  <a:lnTo>
                    <a:pt x="1740" y="4919"/>
                  </a:lnTo>
                  <a:lnTo>
                    <a:pt x="1349" y="5569"/>
                  </a:lnTo>
                  <a:lnTo>
                    <a:pt x="1004" y="6247"/>
                  </a:lnTo>
                  <a:lnTo>
                    <a:pt x="706" y="6952"/>
                  </a:lnTo>
                  <a:lnTo>
                    <a:pt x="457" y="7681"/>
                  </a:lnTo>
                  <a:lnTo>
                    <a:pt x="260" y="8432"/>
                  </a:lnTo>
                  <a:lnTo>
                    <a:pt x="117" y="9204"/>
                  </a:lnTo>
                  <a:lnTo>
                    <a:pt x="30" y="9994"/>
                  </a:lnTo>
                  <a:lnTo>
                    <a:pt x="0" y="10800"/>
                  </a:lnTo>
                  <a:lnTo>
                    <a:pt x="30" y="11606"/>
                  </a:lnTo>
                  <a:lnTo>
                    <a:pt x="117" y="12396"/>
                  </a:lnTo>
                  <a:lnTo>
                    <a:pt x="260" y="13168"/>
                  </a:lnTo>
                  <a:lnTo>
                    <a:pt x="457" y="13919"/>
                  </a:lnTo>
                  <a:lnTo>
                    <a:pt x="706" y="14648"/>
                  </a:lnTo>
                  <a:lnTo>
                    <a:pt x="1004" y="15353"/>
                  </a:lnTo>
                  <a:lnTo>
                    <a:pt x="1349" y="16031"/>
                  </a:lnTo>
                  <a:lnTo>
                    <a:pt x="1740" y="16681"/>
                  </a:lnTo>
                  <a:lnTo>
                    <a:pt x="2174" y="17299"/>
                  </a:lnTo>
                  <a:lnTo>
                    <a:pt x="2649" y="17885"/>
                  </a:lnTo>
                  <a:lnTo>
                    <a:pt x="3164" y="18437"/>
                  </a:lnTo>
                  <a:lnTo>
                    <a:pt x="3715" y="18951"/>
                  </a:lnTo>
                  <a:lnTo>
                    <a:pt x="4301" y="19426"/>
                  </a:lnTo>
                  <a:lnTo>
                    <a:pt x="4920" y="19860"/>
                  </a:lnTo>
                  <a:lnTo>
                    <a:pt x="5569" y="20251"/>
                  </a:lnTo>
                  <a:lnTo>
                    <a:pt x="6247" y="20596"/>
                  </a:lnTo>
                  <a:lnTo>
                    <a:pt x="6952" y="20894"/>
                  </a:lnTo>
                  <a:lnTo>
                    <a:pt x="7681" y="21143"/>
                  </a:lnTo>
                  <a:lnTo>
                    <a:pt x="8433" y="21340"/>
                  </a:lnTo>
                  <a:lnTo>
                    <a:pt x="9205" y="21483"/>
                  </a:lnTo>
                  <a:lnTo>
                    <a:pt x="9994" y="21570"/>
                  </a:lnTo>
                  <a:lnTo>
                    <a:pt x="10800" y="21600"/>
                  </a:lnTo>
                  <a:lnTo>
                    <a:pt x="11606" y="21570"/>
                  </a:lnTo>
                  <a:lnTo>
                    <a:pt x="12396" y="21483"/>
                  </a:lnTo>
                  <a:lnTo>
                    <a:pt x="13168" y="21340"/>
                  </a:lnTo>
                  <a:lnTo>
                    <a:pt x="13920" y="21143"/>
                  </a:lnTo>
                  <a:lnTo>
                    <a:pt x="14649" y="20894"/>
                  </a:lnTo>
                  <a:lnTo>
                    <a:pt x="15353" y="20596"/>
                  </a:lnTo>
                  <a:lnTo>
                    <a:pt x="16032" y="20251"/>
                  </a:lnTo>
                  <a:lnTo>
                    <a:pt x="16681" y="19860"/>
                  </a:lnTo>
                  <a:lnTo>
                    <a:pt x="17300" y="19426"/>
                  </a:lnTo>
                  <a:lnTo>
                    <a:pt x="17886" y="18951"/>
                  </a:lnTo>
                  <a:lnTo>
                    <a:pt x="18437" y="18437"/>
                  </a:lnTo>
                  <a:lnTo>
                    <a:pt x="18951" y="17885"/>
                  </a:lnTo>
                  <a:lnTo>
                    <a:pt x="19426" y="17299"/>
                  </a:lnTo>
                  <a:lnTo>
                    <a:pt x="19860" y="16681"/>
                  </a:lnTo>
                  <a:lnTo>
                    <a:pt x="20251" y="16031"/>
                  </a:lnTo>
                  <a:lnTo>
                    <a:pt x="20596" y="15353"/>
                  </a:lnTo>
                  <a:lnTo>
                    <a:pt x="20894" y="14648"/>
                  </a:lnTo>
                  <a:lnTo>
                    <a:pt x="21143" y="13919"/>
                  </a:lnTo>
                  <a:lnTo>
                    <a:pt x="21340" y="13168"/>
                  </a:lnTo>
                  <a:lnTo>
                    <a:pt x="21483" y="12396"/>
                  </a:lnTo>
                  <a:lnTo>
                    <a:pt x="21570" y="11606"/>
                  </a:lnTo>
                  <a:lnTo>
                    <a:pt x="21600" y="10800"/>
                  </a:lnTo>
                  <a:lnTo>
                    <a:pt x="21570" y="9994"/>
                  </a:lnTo>
                  <a:lnTo>
                    <a:pt x="21483" y="9204"/>
                  </a:lnTo>
                  <a:lnTo>
                    <a:pt x="21340" y="8432"/>
                  </a:lnTo>
                  <a:lnTo>
                    <a:pt x="21143" y="7681"/>
                  </a:lnTo>
                  <a:lnTo>
                    <a:pt x="20894" y="6952"/>
                  </a:lnTo>
                  <a:lnTo>
                    <a:pt x="20596" y="6247"/>
                  </a:lnTo>
                  <a:lnTo>
                    <a:pt x="20251" y="5569"/>
                  </a:lnTo>
                  <a:lnTo>
                    <a:pt x="19860" y="4919"/>
                  </a:lnTo>
                  <a:lnTo>
                    <a:pt x="19426" y="4301"/>
                  </a:lnTo>
                  <a:lnTo>
                    <a:pt x="18951" y="3715"/>
                  </a:lnTo>
                  <a:lnTo>
                    <a:pt x="18437" y="3163"/>
                  </a:lnTo>
                  <a:lnTo>
                    <a:pt x="17886" y="2649"/>
                  </a:lnTo>
                  <a:lnTo>
                    <a:pt x="17300" y="2174"/>
                  </a:lnTo>
                  <a:lnTo>
                    <a:pt x="16681" y="1740"/>
                  </a:lnTo>
                  <a:lnTo>
                    <a:pt x="16032" y="1349"/>
                  </a:lnTo>
                  <a:lnTo>
                    <a:pt x="15353" y="1004"/>
                  </a:lnTo>
                  <a:lnTo>
                    <a:pt x="14649" y="706"/>
                  </a:lnTo>
                  <a:lnTo>
                    <a:pt x="13920" y="457"/>
                  </a:lnTo>
                  <a:lnTo>
                    <a:pt x="13168" y="260"/>
                  </a:lnTo>
                  <a:lnTo>
                    <a:pt x="12396" y="117"/>
                  </a:lnTo>
                  <a:lnTo>
                    <a:pt x="11606" y="30"/>
                  </a:lnTo>
                  <a:lnTo>
                    <a:pt x="10800" y="0"/>
                  </a:lnTo>
                  <a:close/>
                </a:path>
              </a:pathLst>
            </a:custGeom>
            <a:solidFill>
              <a:srgbClr val="6D2813"/>
            </a:solidFill>
            <a:ln w="12700" cap="flat">
              <a:noFill/>
              <a:miter lim="400000"/>
            </a:ln>
            <a:effectLst/>
          </p:spPr>
          <p:txBody>
            <a:bodyPr wrap="square" lIns="45718" tIns="45718" rIns="45718" bIns="45718" numCol="1" anchor="t">
              <a:noAutofit/>
            </a:bodyPr>
            <a:lstStyle/>
            <a:p>
              <a:pPr>
                <a:defRPr sz="800">
                  <a:latin typeface="+mj-lt"/>
                  <a:ea typeface="+mj-ea"/>
                  <a:cs typeface="+mj-cs"/>
                  <a:sym typeface="Calibri"/>
                </a:defRPr>
              </a:pPr>
              <a:endParaRPr sz="840"/>
            </a:p>
          </p:txBody>
        </p:sp>
        <p:sp>
          <p:nvSpPr>
            <p:cNvPr id="191" name="object 11"/>
            <p:cNvSpPr/>
            <p:nvPr/>
          </p:nvSpPr>
          <p:spPr>
            <a:xfrm>
              <a:off x="0" y="551083"/>
              <a:ext cx="399457" cy="399446"/>
            </a:xfrm>
            <a:custGeom>
              <a:avLst/>
              <a:gdLst/>
              <a:ahLst/>
              <a:cxnLst>
                <a:cxn ang="0">
                  <a:pos x="wd2" y="hd2"/>
                </a:cxn>
                <a:cxn ang="5400000">
                  <a:pos x="wd2" y="hd2"/>
                </a:cxn>
                <a:cxn ang="10800000">
                  <a:pos x="wd2" y="hd2"/>
                </a:cxn>
                <a:cxn ang="16200000">
                  <a:pos x="wd2" y="hd2"/>
                </a:cxn>
              </a:cxnLst>
              <a:rect l="0" t="0" r="r" b="b"/>
              <a:pathLst>
                <a:path w="21600" h="21600" extrusionOk="0">
                  <a:moveTo>
                    <a:pt x="10800" y="0"/>
                  </a:moveTo>
                  <a:lnTo>
                    <a:pt x="9994" y="30"/>
                  </a:lnTo>
                  <a:lnTo>
                    <a:pt x="9204" y="117"/>
                  </a:lnTo>
                  <a:lnTo>
                    <a:pt x="8432" y="260"/>
                  </a:lnTo>
                  <a:lnTo>
                    <a:pt x="7681" y="457"/>
                  </a:lnTo>
                  <a:lnTo>
                    <a:pt x="6952" y="706"/>
                  </a:lnTo>
                  <a:lnTo>
                    <a:pt x="6247" y="1004"/>
                  </a:lnTo>
                  <a:lnTo>
                    <a:pt x="5569" y="1349"/>
                  </a:lnTo>
                  <a:lnTo>
                    <a:pt x="4919" y="1740"/>
                  </a:lnTo>
                  <a:lnTo>
                    <a:pt x="4300" y="2174"/>
                  </a:lnTo>
                  <a:lnTo>
                    <a:pt x="3714" y="2649"/>
                  </a:lnTo>
                  <a:lnTo>
                    <a:pt x="3163" y="3163"/>
                  </a:lnTo>
                  <a:lnTo>
                    <a:pt x="2649" y="3714"/>
                  </a:lnTo>
                  <a:lnTo>
                    <a:pt x="2174" y="4300"/>
                  </a:lnTo>
                  <a:lnTo>
                    <a:pt x="1740" y="4919"/>
                  </a:lnTo>
                  <a:lnTo>
                    <a:pt x="1349" y="5568"/>
                  </a:lnTo>
                  <a:lnTo>
                    <a:pt x="1004" y="6247"/>
                  </a:lnTo>
                  <a:lnTo>
                    <a:pt x="706" y="6951"/>
                  </a:lnTo>
                  <a:lnTo>
                    <a:pt x="457" y="7680"/>
                  </a:lnTo>
                  <a:lnTo>
                    <a:pt x="260" y="8432"/>
                  </a:lnTo>
                  <a:lnTo>
                    <a:pt x="117" y="9204"/>
                  </a:lnTo>
                  <a:lnTo>
                    <a:pt x="30" y="9993"/>
                  </a:lnTo>
                  <a:lnTo>
                    <a:pt x="0" y="10799"/>
                  </a:lnTo>
                  <a:lnTo>
                    <a:pt x="30" y="11606"/>
                  </a:lnTo>
                  <a:lnTo>
                    <a:pt x="117" y="12395"/>
                  </a:lnTo>
                  <a:lnTo>
                    <a:pt x="260" y="13167"/>
                  </a:lnTo>
                  <a:lnTo>
                    <a:pt x="457" y="13919"/>
                  </a:lnTo>
                  <a:lnTo>
                    <a:pt x="706" y="14648"/>
                  </a:lnTo>
                  <a:lnTo>
                    <a:pt x="1004" y="15353"/>
                  </a:lnTo>
                  <a:lnTo>
                    <a:pt x="1349" y="16031"/>
                  </a:lnTo>
                  <a:lnTo>
                    <a:pt x="1740" y="16680"/>
                  </a:lnTo>
                  <a:lnTo>
                    <a:pt x="2174" y="17299"/>
                  </a:lnTo>
                  <a:lnTo>
                    <a:pt x="2649" y="17885"/>
                  </a:lnTo>
                  <a:lnTo>
                    <a:pt x="3163" y="18436"/>
                  </a:lnTo>
                  <a:lnTo>
                    <a:pt x="3714" y="18951"/>
                  </a:lnTo>
                  <a:lnTo>
                    <a:pt x="4300" y="19426"/>
                  </a:lnTo>
                  <a:lnTo>
                    <a:pt x="4919" y="19860"/>
                  </a:lnTo>
                  <a:lnTo>
                    <a:pt x="5569" y="20251"/>
                  </a:lnTo>
                  <a:lnTo>
                    <a:pt x="6247" y="20596"/>
                  </a:lnTo>
                  <a:lnTo>
                    <a:pt x="6952" y="20894"/>
                  </a:lnTo>
                  <a:lnTo>
                    <a:pt x="7681" y="21143"/>
                  </a:lnTo>
                  <a:lnTo>
                    <a:pt x="8432" y="21340"/>
                  </a:lnTo>
                  <a:lnTo>
                    <a:pt x="9204" y="21483"/>
                  </a:lnTo>
                  <a:lnTo>
                    <a:pt x="9994" y="21570"/>
                  </a:lnTo>
                  <a:lnTo>
                    <a:pt x="10800" y="21600"/>
                  </a:lnTo>
                  <a:lnTo>
                    <a:pt x="11606" y="21570"/>
                  </a:lnTo>
                  <a:lnTo>
                    <a:pt x="12396" y="21483"/>
                  </a:lnTo>
                  <a:lnTo>
                    <a:pt x="13168" y="21340"/>
                  </a:lnTo>
                  <a:lnTo>
                    <a:pt x="13919" y="21143"/>
                  </a:lnTo>
                  <a:lnTo>
                    <a:pt x="14648" y="20894"/>
                  </a:lnTo>
                  <a:lnTo>
                    <a:pt x="15353" y="20596"/>
                  </a:lnTo>
                  <a:lnTo>
                    <a:pt x="16031" y="20251"/>
                  </a:lnTo>
                  <a:lnTo>
                    <a:pt x="16681" y="19860"/>
                  </a:lnTo>
                  <a:lnTo>
                    <a:pt x="17300" y="19426"/>
                  </a:lnTo>
                  <a:lnTo>
                    <a:pt x="17886" y="18951"/>
                  </a:lnTo>
                  <a:lnTo>
                    <a:pt x="18437" y="18436"/>
                  </a:lnTo>
                  <a:lnTo>
                    <a:pt x="18951" y="17885"/>
                  </a:lnTo>
                  <a:lnTo>
                    <a:pt x="19426" y="17299"/>
                  </a:lnTo>
                  <a:lnTo>
                    <a:pt x="19860" y="16680"/>
                  </a:lnTo>
                  <a:lnTo>
                    <a:pt x="20251" y="16031"/>
                  </a:lnTo>
                  <a:lnTo>
                    <a:pt x="20596" y="15353"/>
                  </a:lnTo>
                  <a:lnTo>
                    <a:pt x="20894" y="14648"/>
                  </a:lnTo>
                  <a:lnTo>
                    <a:pt x="21143" y="13919"/>
                  </a:lnTo>
                  <a:lnTo>
                    <a:pt x="21340" y="13167"/>
                  </a:lnTo>
                  <a:lnTo>
                    <a:pt x="21483" y="12395"/>
                  </a:lnTo>
                  <a:lnTo>
                    <a:pt x="21570" y="11606"/>
                  </a:lnTo>
                  <a:lnTo>
                    <a:pt x="21600" y="10799"/>
                  </a:lnTo>
                  <a:lnTo>
                    <a:pt x="21570" y="9993"/>
                  </a:lnTo>
                  <a:lnTo>
                    <a:pt x="21483" y="9204"/>
                  </a:lnTo>
                  <a:lnTo>
                    <a:pt x="21340" y="8432"/>
                  </a:lnTo>
                  <a:lnTo>
                    <a:pt x="21143" y="7680"/>
                  </a:lnTo>
                  <a:lnTo>
                    <a:pt x="20894" y="6951"/>
                  </a:lnTo>
                  <a:lnTo>
                    <a:pt x="20596" y="6247"/>
                  </a:lnTo>
                  <a:lnTo>
                    <a:pt x="20251" y="5568"/>
                  </a:lnTo>
                  <a:lnTo>
                    <a:pt x="19860" y="4919"/>
                  </a:lnTo>
                  <a:lnTo>
                    <a:pt x="19426" y="4300"/>
                  </a:lnTo>
                  <a:lnTo>
                    <a:pt x="18951" y="3714"/>
                  </a:lnTo>
                  <a:lnTo>
                    <a:pt x="18437" y="3163"/>
                  </a:lnTo>
                  <a:lnTo>
                    <a:pt x="17886" y="2649"/>
                  </a:lnTo>
                  <a:lnTo>
                    <a:pt x="17300" y="2174"/>
                  </a:lnTo>
                  <a:lnTo>
                    <a:pt x="16681" y="1740"/>
                  </a:lnTo>
                  <a:lnTo>
                    <a:pt x="16031" y="1349"/>
                  </a:lnTo>
                  <a:lnTo>
                    <a:pt x="15353" y="1004"/>
                  </a:lnTo>
                  <a:lnTo>
                    <a:pt x="14648" y="706"/>
                  </a:lnTo>
                  <a:lnTo>
                    <a:pt x="13919" y="457"/>
                  </a:lnTo>
                  <a:lnTo>
                    <a:pt x="13168" y="260"/>
                  </a:lnTo>
                  <a:lnTo>
                    <a:pt x="12396" y="117"/>
                  </a:lnTo>
                  <a:lnTo>
                    <a:pt x="11606" y="30"/>
                  </a:lnTo>
                  <a:lnTo>
                    <a:pt x="10800" y="0"/>
                  </a:lnTo>
                  <a:close/>
                </a:path>
              </a:pathLst>
            </a:custGeom>
            <a:solidFill>
              <a:srgbClr val="767171"/>
            </a:solidFill>
            <a:ln w="12700" cap="flat">
              <a:noFill/>
              <a:miter lim="400000"/>
            </a:ln>
            <a:effectLst/>
          </p:spPr>
          <p:txBody>
            <a:bodyPr wrap="square" lIns="45718" tIns="45718" rIns="45718" bIns="45718" numCol="1" anchor="t">
              <a:noAutofit/>
            </a:bodyPr>
            <a:lstStyle/>
            <a:p>
              <a:pPr>
                <a:defRPr sz="800">
                  <a:latin typeface="+mj-lt"/>
                  <a:ea typeface="+mj-ea"/>
                  <a:cs typeface="+mj-cs"/>
                  <a:sym typeface="Calibri"/>
                </a:defRPr>
              </a:pPr>
              <a:endParaRPr sz="840"/>
            </a:p>
          </p:txBody>
        </p:sp>
        <p:sp>
          <p:nvSpPr>
            <p:cNvPr id="192" name="object 12"/>
            <p:cNvSpPr/>
            <p:nvPr/>
          </p:nvSpPr>
          <p:spPr>
            <a:xfrm>
              <a:off x="0" y="1106240"/>
              <a:ext cx="399455" cy="399465"/>
            </a:xfrm>
            <a:custGeom>
              <a:avLst/>
              <a:gdLst/>
              <a:ahLst/>
              <a:cxnLst>
                <a:cxn ang="0">
                  <a:pos x="wd2" y="hd2"/>
                </a:cxn>
                <a:cxn ang="5400000">
                  <a:pos x="wd2" y="hd2"/>
                </a:cxn>
                <a:cxn ang="10800000">
                  <a:pos x="wd2" y="hd2"/>
                </a:cxn>
                <a:cxn ang="16200000">
                  <a:pos x="wd2" y="hd2"/>
                </a:cxn>
              </a:cxnLst>
              <a:rect l="0" t="0" r="r" b="b"/>
              <a:pathLst>
                <a:path w="21600" h="21600" extrusionOk="0">
                  <a:moveTo>
                    <a:pt x="10800" y="0"/>
                  </a:moveTo>
                  <a:lnTo>
                    <a:pt x="9994" y="30"/>
                  </a:lnTo>
                  <a:lnTo>
                    <a:pt x="9204" y="117"/>
                  </a:lnTo>
                  <a:lnTo>
                    <a:pt x="8432" y="260"/>
                  </a:lnTo>
                  <a:lnTo>
                    <a:pt x="7681" y="457"/>
                  </a:lnTo>
                  <a:lnTo>
                    <a:pt x="6952" y="706"/>
                  </a:lnTo>
                  <a:lnTo>
                    <a:pt x="6247" y="1004"/>
                  </a:lnTo>
                  <a:lnTo>
                    <a:pt x="5569" y="1349"/>
                  </a:lnTo>
                  <a:lnTo>
                    <a:pt x="4919" y="1740"/>
                  </a:lnTo>
                  <a:lnTo>
                    <a:pt x="4300" y="2174"/>
                  </a:lnTo>
                  <a:lnTo>
                    <a:pt x="3714" y="2649"/>
                  </a:lnTo>
                  <a:lnTo>
                    <a:pt x="3163" y="3163"/>
                  </a:lnTo>
                  <a:lnTo>
                    <a:pt x="2649" y="3715"/>
                  </a:lnTo>
                  <a:lnTo>
                    <a:pt x="2174" y="4301"/>
                  </a:lnTo>
                  <a:lnTo>
                    <a:pt x="1740" y="4919"/>
                  </a:lnTo>
                  <a:lnTo>
                    <a:pt x="1349" y="5569"/>
                  </a:lnTo>
                  <a:lnTo>
                    <a:pt x="1004" y="6247"/>
                  </a:lnTo>
                  <a:lnTo>
                    <a:pt x="706" y="6952"/>
                  </a:lnTo>
                  <a:lnTo>
                    <a:pt x="457" y="7681"/>
                  </a:lnTo>
                  <a:lnTo>
                    <a:pt x="260" y="8432"/>
                  </a:lnTo>
                  <a:lnTo>
                    <a:pt x="117" y="9204"/>
                  </a:lnTo>
                  <a:lnTo>
                    <a:pt x="30" y="9994"/>
                  </a:lnTo>
                  <a:lnTo>
                    <a:pt x="0" y="10800"/>
                  </a:lnTo>
                  <a:lnTo>
                    <a:pt x="30" y="11606"/>
                  </a:lnTo>
                  <a:lnTo>
                    <a:pt x="117" y="12396"/>
                  </a:lnTo>
                  <a:lnTo>
                    <a:pt x="260" y="13168"/>
                  </a:lnTo>
                  <a:lnTo>
                    <a:pt x="457" y="13919"/>
                  </a:lnTo>
                  <a:lnTo>
                    <a:pt x="706" y="14648"/>
                  </a:lnTo>
                  <a:lnTo>
                    <a:pt x="1004" y="15353"/>
                  </a:lnTo>
                  <a:lnTo>
                    <a:pt x="1349" y="16031"/>
                  </a:lnTo>
                  <a:lnTo>
                    <a:pt x="1740" y="16681"/>
                  </a:lnTo>
                  <a:lnTo>
                    <a:pt x="2174" y="17299"/>
                  </a:lnTo>
                  <a:lnTo>
                    <a:pt x="2649" y="17885"/>
                  </a:lnTo>
                  <a:lnTo>
                    <a:pt x="3163" y="18437"/>
                  </a:lnTo>
                  <a:lnTo>
                    <a:pt x="3714" y="18951"/>
                  </a:lnTo>
                  <a:lnTo>
                    <a:pt x="4300" y="19426"/>
                  </a:lnTo>
                  <a:lnTo>
                    <a:pt x="4919" y="19860"/>
                  </a:lnTo>
                  <a:lnTo>
                    <a:pt x="5569" y="20251"/>
                  </a:lnTo>
                  <a:lnTo>
                    <a:pt x="6247" y="20596"/>
                  </a:lnTo>
                  <a:lnTo>
                    <a:pt x="6952" y="20894"/>
                  </a:lnTo>
                  <a:lnTo>
                    <a:pt x="7681" y="21143"/>
                  </a:lnTo>
                  <a:lnTo>
                    <a:pt x="8432" y="21340"/>
                  </a:lnTo>
                  <a:lnTo>
                    <a:pt x="9204" y="21483"/>
                  </a:lnTo>
                  <a:lnTo>
                    <a:pt x="9994" y="21570"/>
                  </a:lnTo>
                  <a:lnTo>
                    <a:pt x="10800" y="21600"/>
                  </a:lnTo>
                  <a:lnTo>
                    <a:pt x="11606" y="21570"/>
                  </a:lnTo>
                  <a:lnTo>
                    <a:pt x="12396" y="21483"/>
                  </a:lnTo>
                  <a:lnTo>
                    <a:pt x="13168" y="21340"/>
                  </a:lnTo>
                  <a:lnTo>
                    <a:pt x="13919" y="21143"/>
                  </a:lnTo>
                  <a:lnTo>
                    <a:pt x="14648" y="20894"/>
                  </a:lnTo>
                  <a:lnTo>
                    <a:pt x="15353" y="20596"/>
                  </a:lnTo>
                  <a:lnTo>
                    <a:pt x="16031" y="20251"/>
                  </a:lnTo>
                  <a:lnTo>
                    <a:pt x="16681" y="19860"/>
                  </a:lnTo>
                  <a:lnTo>
                    <a:pt x="17300" y="19426"/>
                  </a:lnTo>
                  <a:lnTo>
                    <a:pt x="17886" y="18951"/>
                  </a:lnTo>
                  <a:lnTo>
                    <a:pt x="18437" y="18437"/>
                  </a:lnTo>
                  <a:lnTo>
                    <a:pt x="18951" y="17885"/>
                  </a:lnTo>
                  <a:lnTo>
                    <a:pt x="19426" y="17299"/>
                  </a:lnTo>
                  <a:lnTo>
                    <a:pt x="19860" y="16681"/>
                  </a:lnTo>
                  <a:lnTo>
                    <a:pt x="20251" y="16031"/>
                  </a:lnTo>
                  <a:lnTo>
                    <a:pt x="20596" y="15353"/>
                  </a:lnTo>
                  <a:lnTo>
                    <a:pt x="20894" y="14648"/>
                  </a:lnTo>
                  <a:lnTo>
                    <a:pt x="21143" y="13919"/>
                  </a:lnTo>
                  <a:lnTo>
                    <a:pt x="21340" y="13168"/>
                  </a:lnTo>
                  <a:lnTo>
                    <a:pt x="21483" y="12396"/>
                  </a:lnTo>
                  <a:lnTo>
                    <a:pt x="21570" y="11606"/>
                  </a:lnTo>
                  <a:lnTo>
                    <a:pt x="21600" y="10800"/>
                  </a:lnTo>
                  <a:lnTo>
                    <a:pt x="21570" y="9994"/>
                  </a:lnTo>
                  <a:lnTo>
                    <a:pt x="21483" y="9204"/>
                  </a:lnTo>
                  <a:lnTo>
                    <a:pt x="21340" y="8432"/>
                  </a:lnTo>
                  <a:lnTo>
                    <a:pt x="21143" y="7681"/>
                  </a:lnTo>
                  <a:lnTo>
                    <a:pt x="20894" y="6952"/>
                  </a:lnTo>
                  <a:lnTo>
                    <a:pt x="20596" y="6247"/>
                  </a:lnTo>
                  <a:lnTo>
                    <a:pt x="20251" y="5569"/>
                  </a:lnTo>
                  <a:lnTo>
                    <a:pt x="19860" y="4919"/>
                  </a:lnTo>
                  <a:lnTo>
                    <a:pt x="19426" y="4301"/>
                  </a:lnTo>
                  <a:lnTo>
                    <a:pt x="18951" y="3715"/>
                  </a:lnTo>
                  <a:lnTo>
                    <a:pt x="18437" y="3163"/>
                  </a:lnTo>
                  <a:lnTo>
                    <a:pt x="17886" y="2649"/>
                  </a:lnTo>
                  <a:lnTo>
                    <a:pt x="17300" y="2174"/>
                  </a:lnTo>
                  <a:lnTo>
                    <a:pt x="16681" y="1740"/>
                  </a:lnTo>
                  <a:lnTo>
                    <a:pt x="16031" y="1349"/>
                  </a:lnTo>
                  <a:lnTo>
                    <a:pt x="15353" y="1004"/>
                  </a:lnTo>
                  <a:lnTo>
                    <a:pt x="14648" y="706"/>
                  </a:lnTo>
                  <a:lnTo>
                    <a:pt x="13919" y="457"/>
                  </a:lnTo>
                  <a:lnTo>
                    <a:pt x="13168" y="260"/>
                  </a:lnTo>
                  <a:lnTo>
                    <a:pt x="12396" y="117"/>
                  </a:lnTo>
                  <a:lnTo>
                    <a:pt x="11606" y="30"/>
                  </a:lnTo>
                  <a:lnTo>
                    <a:pt x="10800" y="0"/>
                  </a:lnTo>
                  <a:close/>
                </a:path>
              </a:pathLst>
            </a:custGeom>
            <a:solidFill>
              <a:srgbClr val="EF9163"/>
            </a:solidFill>
            <a:ln w="12700" cap="flat">
              <a:noFill/>
              <a:miter lim="400000"/>
            </a:ln>
            <a:effectLst/>
          </p:spPr>
          <p:txBody>
            <a:bodyPr wrap="square" lIns="45718" tIns="45718" rIns="45718" bIns="45718" numCol="1" anchor="t">
              <a:noAutofit/>
            </a:bodyPr>
            <a:lstStyle/>
            <a:p>
              <a:pPr>
                <a:defRPr sz="800">
                  <a:latin typeface="+mj-lt"/>
                  <a:ea typeface="+mj-ea"/>
                  <a:cs typeface="+mj-cs"/>
                  <a:sym typeface="Calibri"/>
                </a:defRPr>
              </a:pPr>
              <a:endParaRPr sz="840"/>
            </a:p>
          </p:txBody>
        </p:sp>
        <p:sp>
          <p:nvSpPr>
            <p:cNvPr id="193" name="object 13"/>
            <p:cNvSpPr/>
            <p:nvPr/>
          </p:nvSpPr>
          <p:spPr>
            <a:xfrm>
              <a:off x="0" y="-1"/>
              <a:ext cx="399460" cy="399446"/>
            </a:xfrm>
            <a:custGeom>
              <a:avLst/>
              <a:gdLst/>
              <a:ahLst/>
              <a:cxnLst>
                <a:cxn ang="0">
                  <a:pos x="wd2" y="hd2"/>
                </a:cxn>
                <a:cxn ang="5400000">
                  <a:pos x="wd2" y="hd2"/>
                </a:cxn>
                <a:cxn ang="10800000">
                  <a:pos x="wd2" y="hd2"/>
                </a:cxn>
                <a:cxn ang="16200000">
                  <a:pos x="wd2" y="hd2"/>
                </a:cxn>
              </a:cxnLst>
              <a:rect l="0" t="0" r="r" b="b"/>
              <a:pathLst>
                <a:path w="21600" h="21600" extrusionOk="0">
                  <a:moveTo>
                    <a:pt x="10800" y="0"/>
                  </a:moveTo>
                  <a:lnTo>
                    <a:pt x="9994" y="30"/>
                  </a:lnTo>
                  <a:lnTo>
                    <a:pt x="9204" y="117"/>
                  </a:lnTo>
                  <a:lnTo>
                    <a:pt x="8432" y="260"/>
                  </a:lnTo>
                  <a:lnTo>
                    <a:pt x="7681" y="457"/>
                  </a:lnTo>
                  <a:lnTo>
                    <a:pt x="6952" y="706"/>
                  </a:lnTo>
                  <a:lnTo>
                    <a:pt x="6247" y="1004"/>
                  </a:lnTo>
                  <a:lnTo>
                    <a:pt x="5569" y="1349"/>
                  </a:lnTo>
                  <a:lnTo>
                    <a:pt x="4919" y="1740"/>
                  </a:lnTo>
                  <a:lnTo>
                    <a:pt x="4301" y="2174"/>
                  </a:lnTo>
                  <a:lnTo>
                    <a:pt x="3715" y="2649"/>
                  </a:lnTo>
                  <a:lnTo>
                    <a:pt x="3163" y="3164"/>
                  </a:lnTo>
                  <a:lnTo>
                    <a:pt x="2649" y="3715"/>
                  </a:lnTo>
                  <a:lnTo>
                    <a:pt x="2174" y="4301"/>
                  </a:lnTo>
                  <a:lnTo>
                    <a:pt x="1740" y="4920"/>
                  </a:lnTo>
                  <a:lnTo>
                    <a:pt x="1349" y="5569"/>
                  </a:lnTo>
                  <a:lnTo>
                    <a:pt x="1004" y="6247"/>
                  </a:lnTo>
                  <a:lnTo>
                    <a:pt x="706" y="6952"/>
                  </a:lnTo>
                  <a:lnTo>
                    <a:pt x="457" y="7681"/>
                  </a:lnTo>
                  <a:lnTo>
                    <a:pt x="260" y="8433"/>
                  </a:lnTo>
                  <a:lnTo>
                    <a:pt x="117" y="9205"/>
                  </a:lnTo>
                  <a:lnTo>
                    <a:pt x="30" y="9994"/>
                  </a:lnTo>
                  <a:lnTo>
                    <a:pt x="0" y="10800"/>
                  </a:lnTo>
                  <a:lnTo>
                    <a:pt x="30" y="11606"/>
                  </a:lnTo>
                  <a:lnTo>
                    <a:pt x="117" y="12396"/>
                  </a:lnTo>
                  <a:lnTo>
                    <a:pt x="260" y="13168"/>
                  </a:lnTo>
                  <a:lnTo>
                    <a:pt x="457" y="13920"/>
                  </a:lnTo>
                  <a:lnTo>
                    <a:pt x="706" y="14649"/>
                  </a:lnTo>
                  <a:lnTo>
                    <a:pt x="1004" y="15353"/>
                  </a:lnTo>
                  <a:lnTo>
                    <a:pt x="1349" y="16032"/>
                  </a:lnTo>
                  <a:lnTo>
                    <a:pt x="1740" y="16681"/>
                  </a:lnTo>
                  <a:lnTo>
                    <a:pt x="2174" y="17300"/>
                  </a:lnTo>
                  <a:lnTo>
                    <a:pt x="2649" y="17886"/>
                  </a:lnTo>
                  <a:lnTo>
                    <a:pt x="3163" y="18437"/>
                  </a:lnTo>
                  <a:lnTo>
                    <a:pt x="3715" y="18951"/>
                  </a:lnTo>
                  <a:lnTo>
                    <a:pt x="4301" y="19426"/>
                  </a:lnTo>
                  <a:lnTo>
                    <a:pt x="4919" y="19860"/>
                  </a:lnTo>
                  <a:lnTo>
                    <a:pt x="5569" y="20251"/>
                  </a:lnTo>
                  <a:lnTo>
                    <a:pt x="6247" y="20596"/>
                  </a:lnTo>
                  <a:lnTo>
                    <a:pt x="6952" y="20894"/>
                  </a:lnTo>
                  <a:lnTo>
                    <a:pt x="7681" y="21143"/>
                  </a:lnTo>
                  <a:lnTo>
                    <a:pt x="8432" y="21340"/>
                  </a:lnTo>
                  <a:lnTo>
                    <a:pt x="9204" y="21483"/>
                  </a:lnTo>
                  <a:lnTo>
                    <a:pt x="9994" y="21570"/>
                  </a:lnTo>
                  <a:lnTo>
                    <a:pt x="10800" y="21600"/>
                  </a:lnTo>
                  <a:lnTo>
                    <a:pt x="11606" y="21570"/>
                  </a:lnTo>
                  <a:lnTo>
                    <a:pt x="12396" y="21483"/>
                  </a:lnTo>
                  <a:lnTo>
                    <a:pt x="13168" y="21340"/>
                  </a:lnTo>
                  <a:lnTo>
                    <a:pt x="13919" y="21143"/>
                  </a:lnTo>
                  <a:lnTo>
                    <a:pt x="14649" y="20894"/>
                  </a:lnTo>
                  <a:lnTo>
                    <a:pt x="15353" y="20596"/>
                  </a:lnTo>
                  <a:lnTo>
                    <a:pt x="16031" y="20251"/>
                  </a:lnTo>
                  <a:lnTo>
                    <a:pt x="16681" y="19860"/>
                  </a:lnTo>
                  <a:lnTo>
                    <a:pt x="17300" y="19426"/>
                  </a:lnTo>
                  <a:lnTo>
                    <a:pt x="17886" y="18951"/>
                  </a:lnTo>
                  <a:lnTo>
                    <a:pt x="18437" y="18437"/>
                  </a:lnTo>
                  <a:lnTo>
                    <a:pt x="18951" y="17886"/>
                  </a:lnTo>
                  <a:lnTo>
                    <a:pt x="19426" y="17300"/>
                  </a:lnTo>
                  <a:lnTo>
                    <a:pt x="19860" y="16681"/>
                  </a:lnTo>
                  <a:lnTo>
                    <a:pt x="20251" y="16032"/>
                  </a:lnTo>
                  <a:lnTo>
                    <a:pt x="20596" y="15353"/>
                  </a:lnTo>
                  <a:lnTo>
                    <a:pt x="20894" y="14649"/>
                  </a:lnTo>
                  <a:lnTo>
                    <a:pt x="21143" y="13920"/>
                  </a:lnTo>
                  <a:lnTo>
                    <a:pt x="21340" y="13168"/>
                  </a:lnTo>
                  <a:lnTo>
                    <a:pt x="21483" y="12396"/>
                  </a:lnTo>
                  <a:lnTo>
                    <a:pt x="21570" y="11606"/>
                  </a:lnTo>
                  <a:lnTo>
                    <a:pt x="21600" y="10800"/>
                  </a:lnTo>
                  <a:lnTo>
                    <a:pt x="21570" y="9994"/>
                  </a:lnTo>
                  <a:lnTo>
                    <a:pt x="21483" y="9205"/>
                  </a:lnTo>
                  <a:lnTo>
                    <a:pt x="21340" y="8433"/>
                  </a:lnTo>
                  <a:lnTo>
                    <a:pt x="21143" y="7681"/>
                  </a:lnTo>
                  <a:lnTo>
                    <a:pt x="20894" y="6952"/>
                  </a:lnTo>
                  <a:lnTo>
                    <a:pt x="20596" y="6247"/>
                  </a:lnTo>
                  <a:lnTo>
                    <a:pt x="20251" y="5569"/>
                  </a:lnTo>
                  <a:lnTo>
                    <a:pt x="19860" y="4920"/>
                  </a:lnTo>
                  <a:lnTo>
                    <a:pt x="19426" y="4301"/>
                  </a:lnTo>
                  <a:lnTo>
                    <a:pt x="18951" y="3715"/>
                  </a:lnTo>
                  <a:lnTo>
                    <a:pt x="18437" y="3164"/>
                  </a:lnTo>
                  <a:lnTo>
                    <a:pt x="17886" y="2649"/>
                  </a:lnTo>
                  <a:lnTo>
                    <a:pt x="17300" y="2174"/>
                  </a:lnTo>
                  <a:lnTo>
                    <a:pt x="16681" y="1740"/>
                  </a:lnTo>
                  <a:lnTo>
                    <a:pt x="16031" y="1349"/>
                  </a:lnTo>
                  <a:lnTo>
                    <a:pt x="15353" y="1004"/>
                  </a:lnTo>
                  <a:lnTo>
                    <a:pt x="14649" y="706"/>
                  </a:lnTo>
                  <a:lnTo>
                    <a:pt x="13919" y="457"/>
                  </a:lnTo>
                  <a:lnTo>
                    <a:pt x="13168" y="260"/>
                  </a:lnTo>
                  <a:lnTo>
                    <a:pt x="12396" y="117"/>
                  </a:lnTo>
                  <a:lnTo>
                    <a:pt x="11606" y="30"/>
                  </a:lnTo>
                  <a:lnTo>
                    <a:pt x="10800" y="0"/>
                  </a:lnTo>
                  <a:close/>
                </a:path>
              </a:pathLst>
            </a:custGeom>
            <a:solidFill>
              <a:srgbClr val="F5F5F5"/>
            </a:solidFill>
            <a:ln w="12700" cap="flat">
              <a:noFill/>
              <a:miter lim="400000"/>
            </a:ln>
            <a:effectLst/>
          </p:spPr>
          <p:txBody>
            <a:bodyPr wrap="square" lIns="45718" tIns="45718" rIns="45718" bIns="45718" numCol="1" anchor="t">
              <a:noAutofit/>
            </a:bodyPr>
            <a:lstStyle/>
            <a:p>
              <a:pPr>
                <a:defRPr sz="800">
                  <a:latin typeface="+mj-lt"/>
                  <a:ea typeface="+mj-ea"/>
                  <a:cs typeface="+mj-cs"/>
                  <a:sym typeface="Calibri"/>
                </a:defRPr>
              </a:pPr>
              <a:endParaRPr sz="840"/>
            </a:p>
          </p:txBody>
        </p:sp>
        <p:sp>
          <p:nvSpPr>
            <p:cNvPr id="194" name="object 16"/>
            <p:cNvSpPr/>
            <p:nvPr/>
          </p:nvSpPr>
          <p:spPr>
            <a:xfrm>
              <a:off x="1122972" y="2387215"/>
              <a:ext cx="399439" cy="399446"/>
            </a:xfrm>
            <a:custGeom>
              <a:avLst/>
              <a:gdLst/>
              <a:ahLst/>
              <a:cxnLst>
                <a:cxn ang="0">
                  <a:pos x="wd2" y="hd2"/>
                </a:cxn>
                <a:cxn ang="5400000">
                  <a:pos x="wd2" y="hd2"/>
                </a:cxn>
                <a:cxn ang="10800000">
                  <a:pos x="wd2" y="hd2"/>
                </a:cxn>
                <a:cxn ang="16200000">
                  <a:pos x="wd2" y="hd2"/>
                </a:cxn>
              </a:cxnLst>
              <a:rect l="0" t="0" r="r" b="b"/>
              <a:pathLst>
                <a:path w="21600" h="21600" extrusionOk="0">
                  <a:moveTo>
                    <a:pt x="10800" y="0"/>
                  </a:moveTo>
                  <a:lnTo>
                    <a:pt x="9994" y="30"/>
                  </a:lnTo>
                  <a:lnTo>
                    <a:pt x="9204" y="117"/>
                  </a:lnTo>
                  <a:lnTo>
                    <a:pt x="8432" y="260"/>
                  </a:lnTo>
                  <a:lnTo>
                    <a:pt x="7681" y="457"/>
                  </a:lnTo>
                  <a:lnTo>
                    <a:pt x="6952" y="706"/>
                  </a:lnTo>
                  <a:lnTo>
                    <a:pt x="6247" y="1004"/>
                  </a:lnTo>
                  <a:lnTo>
                    <a:pt x="5569" y="1349"/>
                  </a:lnTo>
                  <a:lnTo>
                    <a:pt x="4919" y="1740"/>
                  </a:lnTo>
                  <a:lnTo>
                    <a:pt x="4300" y="2174"/>
                  </a:lnTo>
                  <a:lnTo>
                    <a:pt x="3714" y="2649"/>
                  </a:lnTo>
                  <a:lnTo>
                    <a:pt x="3163" y="3163"/>
                  </a:lnTo>
                  <a:lnTo>
                    <a:pt x="2649" y="3714"/>
                  </a:lnTo>
                  <a:lnTo>
                    <a:pt x="2174" y="4300"/>
                  </a:lnTo>
                  <a:lnTo>
                    <a:pt x="1740" y="4919"/>
                  </a:lnTo>
                  <a:lnTo>
                    <a:pt x="1349" y="5568"/>
                  </a:lnTo>
                  <a:lnTo>
                    <a:pt x="1004" y="6247"/>
                  </a:lnTo>
                  <a:lnTo>
                    <a:pt x="706" y="6951"/>
                  </a:lnTo>
                  <a:lnTo>
                    <a:pt x="457" y="7680"/>
                  </a:lnTo>
                  <a:lnTo>
                    <a:pt x="260" y="8432"/>
                  </a:lnTo>
                  <a:lnTo>
                    <a:pt x="117" y="9204"/>
                  </a:lnTo>
                  <a:lnTo>
                    <a:pt x="30" y="9993"/>
                  </a:lnTo>
                  <a:lnTo>
                    <a:pt x="0" y="10799"/>
                  </a:lnTo>
                  <a:lnTo>
                    <a:pt x="30" y="11606"/>
                  </a:lnTo>
                  <a:lnTo>
                    <a:pt x="117" y="12395"/>
                  </a:lnTo>
                  <a:lnTo>
                    <a:pt x="260" y="13167"/>
                  </a:lnTo>
                  <a:lnTo>
                    <a:pt x="457" y="13919"/>
                  </a:lnTo>
                  <a:lnTo>
                    <a:pt x="706" y="14648"/>
                  </a:lnTo>
                  <a:lnTo>
                    <a:pt x="1004" y="15353"/>
                  </a:lnTo>
                  <a:lnTo>
                    <a:pt x="1349" y="16031"/>
                  </a:lnTo>
                  <a:lnTo>
                    <a:pt x="1740" y="16680"/>
                  </a:lnTo>
                  <a:lnTo>
                    <a:pt x="2174" y="17299"/>
                  </a:lnTo>
                  <a:lnTo>
                    <a:pt x="2649" y="17885"/>
                  </a:lnTo>
                  <a:lnTo>
                    <a:pt x="3163" y="18436"/>
                  </a:lnTo>
                  <a:lnTo>
                    <a:pt x="3714" y="18951"/>
                  </a:lnTo>
                  <a:lnTo>
                    <a:pt x="4300" y="19426"/>
                  </a:lnTo>
                  <a:lnTo>
                    <a:pt x="4919" y="19860"/>
                  </a:lnTo>
                  <a:lnTo>
                    <a:pt x="5569" y="20251"/>
                  </a:lnTo>
                  <a:lnTo>
                    <a:pt x="6247" y="20596"/>
                  </a:lnTo>
                  <a:lnTo>
                    <a:pt x="6952" y="20894"/>
                  </a:lnTo>
                  <a:lnTo>
                    <a:pt x="7681" y="21143"/>
                  </a:lnTo>
                  <a:lnTo>
                    <a:pt x="8432" y="21340"/>
                  </a:lnTo>
                  <a:lnTo>
                    <a:pt x="9204" y="21483"/>
                  </a:lnTo>
                  <a:lnTo>
                    <a:pt x="9994" y="21570"/>
                  </a:lnTo>
                  <a:lnTo>
                    <a:pt x="10800" y="21600"/>
                  </a:lnTo>
                  <a:lnTo>
                    <a:pt x="11606" y="21570"/>
                  </a:lnTo>
                  <a:lnTo>
                    <a:pt x="12396" y="21483"/>
                  </a:lnTo>
                  <a:lnTo>
                    <a:pt x="13168" y="21340"/>
                  </a:lnTo>
                  <a:lnTo>
                    <a:pt x="13919" y="21143"/>
                  </a:lnTo>
                  <a:lnTo>
                    <a:pt x="14648" y="20894"/>
                  </a:lnTo>
                  <a:lnTo>
                    <a:pt x="15353" y="20596"/>
                  </a:lnTo>
                  <a:lnTo>
                    <a:pt x="16031" y="20251"/>
                  </a:lnTo>
                  <a:lnTo>
                    <a:pt x="16681" y="19860"/>
                  </a:lnTo>
                  <a:lnTo>
                    <a:pt x="17300" y="19426"/>
                  </a:lnTo>
                  <a:lnTo>
                    <a:pt x="17886" y="18951"/>
                  </a:lnTo>
                  <a:lnTo>
                    <a:pt x="18437" y="18436"/>
                  </a:lnTo>
                  <a:lnTo>
                    <a:pt x="18951" y="17885"/>
                  </a:lnTo>
                  <a:lnTo>
                    <a:pt x="19426" y="17299"/>
                  </a:lnTo>
                  <a:lnTo>
                    <a:pt x="19860" y="16680"/>
                  </a:lnTo>
                  <a:lnTo>
                    <a:pt x="20251" y="16031"/>
                  </a:lnTo>
                  <a:lnTo>
                    <a:pt x="20596" y="15353"/>
                  </a:lnTo>
                  <a:lnTo>
                    <a:pt x="20894" y="14648"/>
                  </a:lnTo>
                  <a:lnTo>
                    <a:pt x="21143" y="13919"/>
                  </a:lnTo>
                  <a:lnTo>
                    <a:pt x="21340" y="13167"/>
                  </a:lnTo>
                  <a:lnTo>
                    <a:pt x="21483" y="12395"/>
                  </a:lnTo>
                  <a:lnTo>
                    <a:pt x="21570" y="11606"/>
                  </a:lnTo>
                  <a:lnTo>
                    <a:pt x="21600" y="10799"/>
                  </a:lnTo>
                  <a:lnTo>
                    <a:pt x="21570" y="9993"/>
                  </a:lnTo>
                  <a:lnTo>
                    <a:pt x="21483" y="9204"/>
                  </a:lnTo>
                  <a:lnTo>
                    <a:pt x="21340" y="8432"/>
                  </a:lnTo>
                  <a:lnTo>
                    <a:pt x="21143" y="7680"/>
                  </a:lnTo>
                  <a:lnTo>
                    <a:pt x="20894" y="6951"/>
                  </a:lnTo>
                  <a:lnTo>
                    <a:pt x="20596" y="6247"/>
                  </a:lnTo>
                  <a:lnTo>
                    <a:pt x="20251" y="5568"/>
                  </a:lnTo>
                  <a:lnTo>
                    <a:pt x="19860" y="4919"/>
                  </a:lnTo>
                  <a:lnTo>
                    <a:pt x="19426" y="4300"/>
                  </a:lnTo>
                  <a:lnTo>
                    <a:pt x="18951" y="3714"/>
                  </a:lnTo>
                  <a:lnTo>
                    <a:pt x="18437" y="3163"/>
                  </a:lnTo>
                  <a:lnTo>
                    <a:pt x="17886" y="2649"/>
                  </a:lnTo>
                  <a:lnTo>
                    <a:pt x="17300" y="2174"/>
                  </a:lnTo>
                  <a:lnTo>
                    <a:pt x="16681" y="1740"/>
                  </a:lnTo>
                  <a:lnTo>
                    <a:pt x="16031" y="1349"/>
                  </a:lnTo>
                  <a:lnTo>
                    <a:pt x="15353" y="1004"/>
                  </a:lnTo>
                  <a:lnTo>
                    <a:pt x="14648" y="706"/>
                  </a:lnTo>
                  <a:lnTo>
                    <a:pt x="13919" y="457"/>
                  </a:lnTo>
                  <a:lnTo>
                    <a:pt x="13168" y="260"/>
                  </a:lnTo>
                  <a:lnTo>
                    <a:pt x="12396" y="117"/>
                  </a:lnTo>
                  <a:lnTo>
                    <a:pt x="11606" y="30"/>
                  </a:lnTo>
                  <a:lnTo>
                    <a:pt x="10800" y="0"/>
                  </a:lnTo>
                  <a:close/>
                </a:path>
              </a:pathLst>
            </a:custGeom>
            <a:solidFill>
              <a:srgbClr val="AEB4D6"/>
            </a:solidFill>
            <a:ln w="12700" cap="flat">
              <a:noFill/>
              <a:miter lim="400000"/>
            </a:ln>
            <a:effectLst/>
          </p:spPr>
          <p:txBody>
            <a:bodyPr wrap="square" lIns="45718" tIns="45718" rIns="45718" bIns="45718" numCol="1" anchor="t">
              <a:noAutofit/>
            </a:bodyPr>
            <a:lstStyle/>
            <a:p>
              <a:pPr>
                <a:defRPr sz="800">
                  <a:latin typeface="+mj-lt"/>
                  <a:ea typeface="+mj-ea"/>
                  <a:cs typeface="+mj-cs"/>
                  <a:sym typeface="Calibri"/>
                </a:defRPr>
              </a:pPr>
              <a:endParaRPr sz="840"/>
            </a:p>
          </p:txBody>
        </p:sp>
        <p:sp>
          <p:nvSpPr>
            <p:cNvPr id="195" name="object 17"/>
            <p:cNvSpPr/>
            <p:nvPr/>
          </p:nvSpPr>
          <p:spPr>
            <a:xfrm>
              <a:off x="1678959" y="2387215"/>
              <a:ext cx="399457" cy="399446"/>
            </a:xfrm>
            <a:custGeom>
              <a:avLst/>
              <a:gdLst/>
              <a:ahLst/>
              <a:cxnLst>
                <a:cxn ang="0">
                  <a:pos x="wd2" y="hd2"/>
                </a:cxn>
                <a:cxn ang="5400000">
                  <a:pos x="wd2" y="hd2"/>
                </a:cxn>
                <a:cxn ang="10800000">
                  <a:pos x="wd2" y="hd2"/>
                </a:cxn>
                <a:cxn ang="16200000">
                  <a:pos x="wd2" y="hd2"/>
                </a:cxn>
              </a:cxnLst>
              <a:rect l="0" t="0" r="r" b="b"/>
              <a:pathLst>
                <a:path w="21600" h="21600" extrusionOk="0">
                  <a:moveTo>
                    <a:pt x="10800" y="0"/>
                  </a:moveTo>
                  <a:lnTo>
                    <a:pt x="9994" y="30"/>
                  </a:lnTo>
                  <a:lnTo>
                    <a:pt x="9204" y="117"/>
                  </a:lnTo>
                  <a:lnTo>
                    <a:pt x="8432" y="260"/>
                  </a:lnTo>
                  <a:lnTo>
                    <a:pt x="7681" y="457"/>
                  </a:lnTo>
                  <a:lnTo>
                    <a:pt x="6952" y="706"/>
                  </a:lnTo>
                  <a:lnTo>
                    <a:pt x="6247" y="1004"/>
                  </a:lnTo>
                  <a:lnTo>
                    <a:pt x="5569" y="1349"/>
                  </a:lnTo>
                  <a:lnTo>
                    <a:pt x="4919" y="1740"/>
                  </a:lnTo>
                  <a:lnTo>
                    <a:pt x="4300" y="2174"/>
                  </a:lnTo>
                  <a:lnTo>
                    <a:pt x="3714" y="2649"/>
                  </a:lnTo>
                  <a:lnTo>
                    <a:pt x="3163" y="3163"/>
                  </a:lnTo>
                  <a:lnTo>
                    <a:pt x="2649" y="3714"/>
                  </a:lnTo>
                  <a:lnTo>
                    <a:pt x="2174" y="4300"/>
                  </a:lnTo>
                  <a:lnTo>
                    <a:pt x="1740" y="4919"/>
                  </a:lnTo>
                  <a:lnTo>
                    <a:pt x="1349" y="5568"/>
                  </a:lnTo>
                  <a:lnTo>
                    <a:pt x="1004" y="6247"/>
                  </a:lnTo>
                  <a:lnTo>
                    <a:pt x="706" y="6951"/>
                  </a:lnTo>
                  <a:lnTo>
                    <a:pt x="457" y="7680"/>
                  </a:lnTo>
                  <a:lnTo>
                    <a:pt x="260" y="8432"/>
                  </a:lnTo>
                  <a:lnTo>
                    <a:pt x="117" y="9204"/>
                  </a:lnTo>
                  <a:lnTo>
                    <a:pt x="30" y="9993"/>
                  </a:lnTo>
                  <a:lnTo>
                    <a:pt x="0" y="10799"/>
                  </a:lnTo>
                  <a:lnTo>
                    <a:pt x="30" y="11606"/>
                  </a:lnTo>
                  <a:lnTo>
                    <a:pt x="117" y="12395"/>
                  </a:lnTo>
                  <a:lnTo>
                    <a:pt x="260" y="13167"/>
                  </a:lnTo>
                  <a:lnTo>
                    <a:pt x="457" y="13919"/>
                  </a:lnTo>
                  <a:lnTo>
                    <a:pt x="706" y="14648"/>
                  </a:lnTo>
                  <a:lnTo>
                    <a:pt x="1004" y="15353"/>
                  </a:lnTo>
                  <a:lnTo>
                    <a:pt x="1349" y="16031"/>
                  </a:lnTo>
                  <a:lnTo>
                    <a:pt x="1740" y="16680"/>
                  </a:lnTo>
                  <a:lnTo>
                    <a:pt x="2174" y="17299"/>
                  </a:lnTo>
                  <a:lnTo>
                    <a:pt x="2649" y="17885"/>
                  </a:lnTo>
                  <a:lnTo>
                    <a:pt x="3163" y="18436"/>
                  </a:lnTo>
                  <a:lnTo>
                    <a:pt x="3714" y="18951"/>
                  </a:lnTo>
                  <a:lnTo>
                    <a:pt x="4300" y="19426"/>
                  </a:lnTo>
                  <a:lnTo>
                    <a:pt x="4919" y="19860"/>
                  </a:lnTo>
                  <a:lnTo>
                    <a:pt x="5569" y="20251"/>
                  </a:lnTo>
                  <a:lnTo>
                    <a:pt x="6247" y="20596"/>
                  </a:lnTo>
                  <a:lnTo>
                    <a:pt x="6952" y="20894"/>
                  </a:lnTo>
                  <a:lnTo>
                    <a:pt x="7681" y="21143"/>
                  </a:lnTo>
                  <a:lnTo>
                    <a:pt x="8432" y="21340"/>
                  </a:lnTo>
                  <a:lnTo>
                    <a:pt x="9204" y="21483"/>
                  </a:lnTo>
                  <a:lnTo>
                    <a:pt x="9994" y="21570"/>
                  </a:lnTo>
                  <a:lnTo>
                    <a:pt x="10800" y="21600"/>
                  </a:lnTo>
                  <a:lnTo>
                    <a:pt x="11606" y="21570"/>
                  </a:lnTo>
                  <a:lnTo>
                    <a:pt x="12396" y="21483"/>
                  </a:lnTo>
                  <a:lnTo>
                    <a:pt x="13168" y="21340"/>
                  </a:lnTo>
                  <a:lnTo>
                    <a:pt x="13919" y="21143"/>
                  </a:lnTo>
                  <a:lnTo>
                    <a:pt x="14648" y="20894"/>
                  </a:lnTo>
                  <a:lnTo>
                    <a:pt x="15353" y="20596"/>
                  </a:lnTo>
                  <a:lnTo>
                    <a:pt x="16031" y="20251"/>
                  </a:lnTo>
                  <a:lnTo>
                    <a:pt x="16681" y="19860"/>
                  </a:lnTo>
                  <a:lnTo>
                    <a:pt x="17299" y="19426"/>
                  </a:lnTo>
                  <a:lnTo>
                    <a:pt x="17885" y="18951"/>
                  </a:lnTo>
                  <a:lnTo>
                    <a:pt x="18437" y="18436"/>
                  </a:lnTo>
                  <a:lnTo>
                    <a:pt x="18951" y="17885"/>
                  </a:lnTo>
                  <a:lnTo>
                    <a:pt x="19426" y="17299"/>
                  </a:lnTo>
                  <a:lnTo>
                    <a:pt x="19860" y="16680"/>
                  </a:lnTo>
                  <a:lnTo>
                    <a:pt x="20251" y="16031"/>
                  </a:lnTo>
                  <a:lnTo>
                    <a:pt x="20596" y="15353"/>
                  </a:lnTo>
                  <a:lnTo>
                    <a:pt x="20894" y="14648"/>
                  </a:lnTo>
                  <a:lnTo>
                    <a:pt x="21143" y="13919"/>
                  </a:lnTo>
                  <a:lnTo>
                    <a:pt x="21340" y="13167"/>
                  </a:lnTo>
                  <a:lnTo>
                    <a:pt x="21483" y="12395"/>
                  </a:lnTo>
                  <a:lnTo>
                    <a:pt x="21570" y="11606"/>
                  </a:lnTo>
                  <a:lnTo>
                    <a:pt x="21600" y="10799"/>
                  </a:lnTo>
                  <a:lnTo>
                    <a:pt x="21570" y="9993"/>
                  </a:lnTo>
                  <a:lnTo>
                    <a:pt x="21483" y="9204"/>
                  </a:lnTo>
                  <a:lnTo>
                    <a:pt x="21340" y="8432"/>
                  </a:lnTo>
                  <a:lnTo>
                    <a:pt x="21143" y="7680"/>
                  </a:lnTo>
                  <a:lnTo>
                    <a:pt x="20894" y="6951"/>
                  </a:lnTo>
                  <a:lnTo>
                    <a:pt x="20596" y="6247"/>
                  </a:lnTo>
                  <a:lnTo>
                    <a:pt x="20251" y="5568"/>
                  </a:lnTo>
                  <a:lnTo>
                    <a:pt x="19860" y="4919"/>
                  </a:lnTo>
                  <a:lnTo>
                    <a:pt x="19426" y="4300"/>
                  </a:lnTo>
                  <a:lnTo>
                    <a:pt x="18951" y="3714"/>
                  </a:lnTo>
                  <a:lnTo>
                    <a:pt x="18437" y="3163"/>
                  </a:lnTo>
                  <a:lnTo>
                    <a:pt x="17885" y="2649"/>
                  </a:lnTo>
                  <a:lnTo>
                    <a:pt x="17299" y="2174"/>
                  </a:lnTo>
                  <a:lnTo>
                    <a:pt x="16681" y="1740"/>
                  </a:lnTo>
                  <a:lnTo>
                    <a:pt x="16031" y="1349"/>
                  </a:lnTo>
                  <a:lnTo>
                    <a:pt x="15353" y="1004"/>
                  </a:lnTo>
                  <a:lnTo>
                    <a:pt x="14648" y="706"/>
                  </a:lnTo>
                  <a:lnTo>
                    <a:pt x="13919" y="457"/>
                  </a:lnTo>
                  <a:lnTo>
                    <a:pt x="13168" y="260"/>
                  </a:lnTo>
                  <a:lnTo>
                    <a:pt x="12396" y="117"/>
                  </a:lnTo>
                  <a:lnTo>
                    <a:pt x="11606" y="30"/>
                  </a:lnTo>
                  <a:lnTo>
                    <a:pt x="10800" y="0"/>
                  </a:lnTo>
                  <a:close/>
                </a:path>
              </a:pathLst>
            </a:custGeom>
            <a:solidFill>
              <a:srgbClr val="6D63B8"/>
            </a:solidFill>
            <a:ln w="12700" cap="flat">
              <a:noFill/>
              <a:miter lim="400000"/>
            </a:ln>
            <a:effectLst/>
          </p:spPr>
          <p:txBody>
            <a:bodyPr wrap="square" lIns="45718" tIns="45718" rIns="45718" bIns="45718" numCol="1" anchor="t">
              <a:noAutofit/>
            </a:bodyPr>
            <a:lstStyle/>
            <a:p>
              <a:pPr>
                <a:defRPr sz="800">
                  <a:latin typeface="+mj-lt"/>
                  <a:ea typeface="+mj-ea"/>
                  <a:cs typeface="+mj-cs"/>
                  <a:sym typeface="Calibri"/>
                </a:defRPr>
              </a:pPr>
              <a:endParaRPr sz="840"/>
            </a:p>
          </p:txBody>
        </p:sp>
        <p:sp>
          <p:nvSpPr>
            <p:cNvPr id="196" name="object 18"/>
            <p:cNvSpPr/>
            <p:nvPr/>
          </p:nvSpPr>
          <p:spPr>
            <a:xfrm>
              <a:off x="566984" y="2942780"/>
              <a:ext cx="399467" cy="399446"/>
            </a:xfrm>
            <a:custGeom>
              <a:avLst/>
              <a:gdLst/>
              <a:ahLst/>
              <a:cxnLst>
                <a:cxn ang="0">
                  <a:pos x="wd2" y="hd2"/>
                </a:cxn>
                <a:cxn ang="5400000">
                  <a:pos x="wd2" y="hd2"/>
                </a:cxn>
                <a:cxn ang="10800000">
                  <a:pos x="wd2" y="hd2"/>
                </a:cxn>
                <a:cxn ang="16200000">
                  <a:pos x="wd2" y="hd2"/>
                </a:cxn>
              </a:cxnLst>
              <a:rect l="0" t="0" r="r" b="b"/>
              <a:pathLst>
                <a:path w="21600" h="21600" extrusionOk="0">
                  <a:moveTo>
                    <a:pt x="10800" y="0"/>
                  </a:moveTo>
                  <a:lnTo>
                    <a:pt x="9994" y="30"/>
                  </a:lnTo>
                  <a:lnTo>
                    <a:pt x="9204" y="117"/>
                  </a:lnTo>
                  <a:lnTo>
                    <a:pt x="8432" y="260"/>
                  </a:lnTo>
                  <a:lnTo>
                    <a:pt x="7681" y="457"/>
                  </a:lnTo>
                  <a:lnTo>
                    <a:pt x="6952" y="706"/>
                  </a:lnTo>
                  <a:lnTo>
                    <a:pt x="6247" y="1004"/>
                  </a:lnTo>
                  <a:lnTo>
                    <a:pt x="5569" y="1349"/>
                  </a:lnTo>
                  <a:lnTo>
                    <a:pt x="4919" y="1740"/>
                  </a:lnTo>
                  <a:lnTo>
                    <a:pt x="4300" y="2174"/>
                  </a:lnTo>
                  <a:lnTo>
                    <a:pt x="3714" y="2649"/>
                  </a:lnTo>
                  <a:lnTo>
                    <a:pt x="3163" y="3163"/>
                  </a:lnTo>
                  <a:lnTo>
                    <a:pt x="2649" y="3714"/>
                  </a:lnTo>
                  <a:lnTo>
                    <a:pt x="2174" y="4300"/>
                  </a:lnTo>
                  <a:lnTo>
                    <a:pt x="1740" y="4919"/>
                  </a:lnTo>
                  <a:lnTo>
                    <a:pt x="1349" y="5568"/>
                  </a:lnTo>
                  <a:lnTo>
                    <a:pt x="1004" y="6247"/>
                  </a:lnTo>
                  <a:lnTo>
                    <a:pt x="706" y="6951"/>
                  </a:lnTo>
                  <a:lnTo>
                    <a:pt x="457" y="7680"/>
                  </a:lnTo>
                  <a:lnTo>
                    <a:pt x="260" y="8432"/>
                  </a:lnTo>
                  <a:lnTo>
                    <a:pt x="117" y="9204"/>
                  </a:lnTo>
                  <a:lnTo>
                    <a:pt x="30" y="9993"/>
                  </a:lnTo>
                  <a:lnTo>
                    <a:pt x="0" y="10799"/>
                  </a:lnTo>
                  <a:lnTo>
                    <a:pt x="30" y="11606"/>
                  </a:lnTo>
                  <a:lnTo>
                    <a:pt x="117" y="12395"/>
                  </a:lnTo>
                  <a:lnTo>
                    <a:pt x="260" y="13167"/>
                  </a:lnTo>
                  <a:lnTo>
                    <a:pt x="457" y="13919"/>
                  </a:lnTo>
                  <a:lnTo>
                    <a:pt x="706" y="14648"/>
                  </a:lnTo>
                  <a:lnTo>
                    <a:pt x="1004" y="15353"/>
                  </a:lnTo>
                  <a:lnTo>
                    <a:pt x="1349" y="16031"/>
                  </a:lnTo>
                  <a:lnTo>
                    <a:pt x="1740" y="16680"/>
                  </a:lnTo>
                  <a:lnTo>
                    <a:pt x="2174" y="17299"/>
                  </a:lnTo>
                  <a:lnTo>
                    <a:pt x="2649" y="17885"/>
                  </a:lnTo>
                  <a:lnTo>
                    <a:pt x="3163" y="18436"/>
                  </a:lnTo>
                  <a:lnTo>
                    <a:pt x="3714" y="18951"/>
                  </a:lnTo>
                  <a:lnTo>
                    <a:pt x="4300" y="19426"/>
                  </a:lnTo>
                  <a:lnTo>
                    <a:pt x="4919" y="19860"/>
                  </a:lnTo>
                  <a:lnTo>
                    <a:pt x="5569" y="20251"/>
                  </a:lnTo>
                  <a:lnTo>
                    <a:pt x="6247" y="20596"/>
                  </a:lnTo>
                  <a:lnTo>
                    <a:pt x="6952" y="20894"/>
                  </a:lnTo>
                  <a:lnTo>
                    <a:pt x="7681" y="21143"/>
                  </a:lnTo>
                  <a:lnTo>
                    <a:pt x="8432" y="21340"/>
                  </a:lnTo>
                  <a:lnTo>
                    <a:pt x="9204" y="21483"/>
                  </a:lnTo>
                  <a:lnTo>
                    <a:pt x="9994" y="21570"/>
                  </a:lnTo>
                  <a:lnTo>
                    <a:pt x="10800" y="21600"/>
                  </a:lnTo>
                  <a:lnTo>
                    <a:pt x="11606" y="21570"/>
                  </a:lnTo>
                  <a:lnTo>
                    <a:pt x="12396" y="21483"/>
                  </a:lnTo>
                  <a:lnTo>
                    <a:pt x="13167" y="21340"/>
                  </a:lnTo>
                  <a:lnTo>
                    <a:pt x="13919" y="21143"/>
                  </a:lnTo>
                  <a:lnTo>
                    <a:pt x="14648" y="20894"/>
                  </a:lnTo>
                  <a:lnTo>
                    <a:pt x="15353" y="20596"/>
                  </a:lnTo>
                  <a:lnTo>
                    <a:pt x="16031" y="20251"/>
                  </a:lnTo>
                  <a:lnTo>
                    <a:pt x="16680" y="19860"/>
                  </a:lnTo>
                  <a:lnTo>
                    <a:pt x="17299" y="19426"/>
                  </a:lnTo>
                  <a:lnTo>
                    <a:pt x="17885" y="18951"/>
                  </a:lnTo>
                  <a:lnTo>
                    <a:pt x="18437" y="18436"/>
                  </a:lnTo>
                  <a:lnTo>
                    <a:pt x="18951" y="17885"/>
                  </a:lnTo>
                  <a:lnTo>
                    <a:pt x="19426" y="17299"/>
                  </a:lnTo>
                  <a:lnTo>
                    <a:pt x="19860" y="16680"/>
                  </a:lnTo>
                  <a:lnTo>
                    <a:pt x="20251" y="16031"/>
                  </a:lnTo>
                  <a:lnTo>
                    <a:pt x="20596" y="15353"/>
                  </a:lnTo>
                  <a:lnTo>
                    <a:pt x="20894" y="14648"/>
                  </a:lnTo>
                  <a:lnTo>
                    <a:pt x="21143" y="13919"/>
                  </a:lnTo>
                  <a:lnTo>
                    <a:pt x="21340" y="13167"/>
                  </a:lnTo>
                  <a:lnTo>
                    <a:pt x="21483" y="12395"/>
                  </a:lnTo>
                  <a:lnTo>
                    <a:pt x="21570" y="11606"/>
                  </a:lnTo>
                  <a:lnTo>
                    <a:pt x="21600" y="10799"/>
                  </a:lnTo>
                  <a:lnTo>
                    <a:pt x="21570" y="9993"/>
                  </a:lnTo>
                  <a:lnTo>
                    <a:pt x="21483" y="9204"/>
                  </a:lnTo>
                  <a:lnTo>
                    <a:pt x="21340" y="8432"/>
                  </a:lnTo>
                  <a:lnTo>
                    <a:pt x="21143" y="7680"/>
                  </a:lnTo>
                  <a:lnTo>
                    <a:pt x="20894" y="6951"/>
                  </a:lnTo>
                  <a:lnTo>
                    <a:pt x="20596" y="6247"/>
                  </a:lnTo>
                  <a:lnTo>
                    <a:pt x="20251" y="5568"/>
                  </a:lnTo>
                  <a:lnTo>
                    <a:pt x="19860" y="4919"/>
                  </a:lnTo>
                  <a:lnTo>
                    <a:pt x="19426" y="4300"/>
                  </a:lnTo>
                  <a:lnTo>
                    <a:pt x="18951" y="3714"/>
                  </a:lnTo>
                  <a:lnTo>
                    <a:pt x="18437" y="3163"/>
                  </a:lnTo>
                  <a:lnTo>
                    <a:pt x="17885" y="2649"/>
                  </a:lnTo>
                  <a:lnTo>
                    <a:pt x="17299" y="2174"/>
                  </a:lnTo>
                  <a:lnTo>
                    <a:pt x="16680" y="1740"/>
                  </a:lnTo>
                  <a:lnTo>
                    <a:pt x="16031" y="1349"/>
                  </a:lnTo>
                  <a:lnTo>
                    <a:pt x="15353" y="1004"/>
                  </a:lnTo>
                  <a:lnTo>
                    <a:pt x="14648" y="706"/>
                  </a:lnTo>
                  <a:lnTo>
                    <a:pt x="13919" y="457"/>
                  </a:lnTo>
                  <a:lnTo>
                    <a:pt x="13167" y="260"/>
                  </a:lnTo>
                  <a:lnTo>
                    <a:pt x="12396" y="117"/>
                  </a:lnTo>
                  <a:lnTo>
                    <a:pt x="11606" y="30"/>
                  </a:lnTo>
                  <a:lnTo>
                    <a:pt x="10800" y="0"/>
                  </a:lnTo>
                  <a:close/>
                </a:path>
              </a:pathLst>
            </a:custGeom>
            <a:solidFill>
              <a:srgbClr val="1878BD"/>
            </a:solidFill>
            <a:ln w="12700" cap="flat">
              <a:noFill/>
              <a:miter lim="400000"/>
            </a:ln>
            <a:effectLst/>
          </p:spPr>
          <p:txBody>
            <a:bodyPr wrap="square" lIns="45718" tIns="45718" rIns="45718" bIns="45718" numCol="1" anchor="t">
              <a:noAutofit/>
            </a:bodyPr>
            <a:lstStyle/>
            <a:p>
              <a:pPr>
                <a:defRPr sz="800">
                  <a:latin typeface="+mj-lt"/>
                  <a:ea typeface="+mj-ea"/>
                  <a:cs typeface="+mj-cs"/>
                  <a:sym typeface="Calibri"/>
                </a:defRPr>
              </a:pPr>
              <a:endParaRPr sz="840"/>
            </a:p>
          </p:txBody>
        </p:sp>
        <p:sp>
          <p:nvSpPr>
            <p:cNvPr id="197" name="object 19"/>
            <p:cNvSpPr/>
            <p:nvPr/>
          </p:nvSpPr>
          <p:spPr>
            <a:xfrm>
              <a:off x="1122972" y="1869937"/>
              <a:ext cx="399439" cy="399446"/>
            </a:xfrm>
            <a:custGeom>
              <a:avLst/>
              <a:gdLst/>
              <a:ahLst/>
              <a:cxnLst>
                <a:cxn ang="0">
                  <a:pos x="wd2" y="hd2"/>
                </a:cxn>
                <a:cxn ang="5400000">
                  <a:pos x="wd2" y="hd2"/>
                </a:cxn>
                <a:cxn ang="10800000">
                  <a:pos x="wd2" y="hd2"/>
                </a:cxn>
                <a:cxn ang="16200000">
                  <a:pos x="wd2" y="hd2"/>
                </a:cxn>
              </a:cxnLst>
              <a:rect l="0" t="0" r="r" b="b"/>
              <a:pathLst>
                <a:path w="21600" h="21600" extrusionOk="0">
                  <a:moveTo>
                    <a:pt x="10800" y="0"/>
                  </a:moveTo>
                  <a:lnTo>
                    <a:pt x="9994" y="30"/>
                  </a:lnTo>
                  <a:lnTo>
                    <a:pt x="9204" y="117"/>
                  </a:lnTo>
                  <a:lnTo>
                    <a:pt x="8432" y="260"/>
                  </a:lnTo>
                  <a:lnTo>
                    <a:pt x="7681" y="457"/>
                  </a:lnTo>
                  <a:lnTo>
                    <a:pt x="6952" y="706"/>
                  </a:lnTo>
                  <a:lnTo>
                    <a:pt x="6247" y="1004"/>
                  </a:lnTo>
                  <a:lnTo>
                    <a:pt x="5569" y="1349"/>
                  </a:lnTo>
                  <a:lnTo>
                    <a:pt x="4919" y="1740"/>
                  </a:lnTo>
                  <a:lnTo>
                    <a:pt x="4300" y="2174"/>
                  </a:lnTo>
                  <a:lnTo>
                    <a:pt x="3714" y="2649"/>
                  </a:lnTo>
                  <a:lnTo>
                    <a:pt x="3163" y="3164"/>
                  </a:lnTo>
                  <a:lnTo>
                    <a:pt x="2649" y="3715"/>
                  </a:lnTo>
                  <a:lnTo>
                    <a:pt x="2174" y="4301"/>
                  </a:lnTo>
                  <a:lnTo>
                    <a:pt x="1740" y="4920"/>
                  </a:lnTo>
                  <a:lnTo>
                    <a:pt x="1349" y="5569"/>
                  </a:lnTo>
                  <a:lnTo>
                    <a:pt x="1004" y="6247"/>
                  </a:lnTo>
                  <a:lnTo>
                    <a:pt x="706" y="6952"/>
                  </a:lnTo>
                  <a:lnTo>
                    <a:pt x="457" y="7681"/>
                  </a:lnTo>
                  <a:lnTo>
                    <a:pt x="260" y="8433"/>
                  </a:lnTo>
                  <a:lnTo>
                    <a:pt x="117" y="9205"/>
                  </a:lnTo>
                  <a:lnTo>
                    <a:pt x="30" y="9994"/>
                  </a:lnTo>
                  <a:lnTo>
                    <a:pt x="0" y="10800"/>
                  </a:lnTo>
                  <a:lnTo>
                    <a:pt x="30" y="11606"/>
                  </a:lnTo>
                  <a:lnTo>
                    <a:pt x="117" y="12396"/>
                  </a:lnTo>
                  <a:lnTo>
                    <a:pt x="260" y="13168"/>
                  </a:lnTo>
                  <a:lnTo>
                    <a:pt x="457" y="13920"/>
                  </a:lnTo>
                  <a:lnTo>
                    <a:pt x="706" y="14649"/>
                  </a:lnTo>
                  <a:lnTo>
                    <a:pt x="1004" y="15353"/>
                  </a:lnTo>
                  <a:lnTo>
                    <a:pt x="1349" y="16032"/>
                  </a:lnTo>
                  <a:lnTo>
                    <a:pt x="1740" y="16681"/>
                  </a:lnTo>
                  <a:lnTo>
                    <a:pt x="2174" y="17300"/>
                  </a:lnTo>
                  <a:lnTo>
                    <a:pt x="2649" y="17886"/>
                  </a:lnTo>
                  <a:lnTo>
                    <a:pt x="3163" y="18437"/>
                  </a:lnTo>
                  <a:lnTo>
                    <a:pt x="3714" y="18951"/>
                  </a:lnTo>
                  <a:lnTo>
                    <a:pt x="4300" y="19426"/>
                  </a:lnTo>
                  <a:lnTo>
                    <a:pt x="4919" y="19860"/>
                  </a:lnTo>
                  <a:lnTo>
                    <a:pt x="5569" y="20251"/>
                  </a:lnTo>
                  <a:lnTo>
                    <a:pt x="6247" y="20596"/>
                  </a:lnTo>
                  <a:lnTo>
                    <a:pt x="6952" y="20894"/>
                  </a:lnTo>
                  <a:lnTo>
                    <a:pt x="7681" y="21143"/>
                  </a:lnTo>
                  <a:lnTo>
                    <a:pt x="8432" y="21340"/>
                  </a:lnTo>
                  <a:lnTo>
                    <a:pt x="9204" y="21483"/>
                  </a:lnTo>
                  <a:lnTo>
                    <a:pt x="9994" y="21570"/>
                  </a:lnTo>
                  <a:lnTo>
                    <a:pt x="10800" y="21600"/>
                  </a:lnTo>
                  <a:lnTo>
                    <a:pt x="11606" y="21570"/>
                  </a:lnTo>
                  <a:lnTo>
                    <a:pt x="12396" y="21483"/>
                  </a:lnTo>
                  <a:lnTo>
                    <a:pt x="13168" y="21340"/>
                  </a:lnTo>
                  <a:lnTo>
                    <a:pt x="13919" y="21143"/>
                  </a:lnTo>
                  <a:lnTo>
                    <a:pt x="14648" y="20894"/>
                  </a:lnTo>
                  <a:lnTo>
                    <a:pt x="15353" y="20596"/>
                  </a:lnTo>
                  <a:lnTo>
                    <a:pt x="16031" y="20251"/>
                  </a:lnTo>
                  <a:lnTo>
                    <a:pt x="16681" y="19860"/>
                  </a:lnTo>
                  <a:lnTo>
                    <a:pt x="17300" y="19426"/>
                  </a:lnTo>
                  <a:lnTo>
                    <a:pt x="17886" y="18951"/>
                  </a:lnTo>
                  <a:lnTo>
                    <a:pt x="18437" y="18437"/>
                  </a:lnTo>
                  <a:lnTo>
                    <a:pt x="18951" y="17886"/>
                  </a:lnTo>
                  <a:lnTo>
                    <a:pt x="19426" y="17300"/>
                  </a:lnTo>
                  <a:lnTo>
                    <a:pt x="19860" y="16681"/>
                  </a:lnTo>
                  <a:lnTo>
                    <a:pt x="20251" y="16032"/>
                  </a:lnTo>
                  <a:lnTo>
                    <a:pt x="20596" y="15353"/>
                  </a:lnTo>
                  <a:lnTo>
                    <a:pt x="20894" y="14649"/>
                  </a:lnTo>
                  <a:lnTo>
                    <a:pt x="21143" y="13920"/>
                  </a:lnTo>
                  <a:lnTo>
                    <a:pt x="21340" y="13168"/>
                  </a:lnTo>
                  <a:lnTo>
                    <a:pt x="21483" y="12396"/>
                  </a:lnTo>
                  <a:lnTo>
                    <a:pt x="21570" y="11606"/>
                  </a:lnTo>
                  <a:lnTo>
                    <a:pt x="21600" y="10800"/>
                  </a:lnTo>
                  <a:lnTo>
                    <a:pt x="21570" y="9994"/>
                  </a:lnTo>
                  <a:lnTo>
                    <a:pt x="21483" y="9205"/>
                  </a:lnTo>
                  <a:lnTo>
                    <a:pt x="21340" y="8433"/>
                  </a:lnTo>
                  <a:lnTo>
                    <a:pt x="21143" y="7681"/>
                  </a:lnTo>
                  <a:lnTo>
                    <a:pt x="20894" y="6952"/>
                  </a:lnTo>
                  <a:lnTo>
                    <a:pt x="20596" y="6247"/>
                  </a:lnTo>
                  <a:lnTo>
                    <a:pt x="20251" y="5569"/>
                  </a:lnTo>
                  <a:lnTo>
                    <a:pt x="19860" y="4920"/>
                  </a:lnTo>
                  <a:lnTo>
                    <a:pt x="19426" y="4301"/>
                  </a:lnTo>
                  <a:lnTo>
                    <a:pt x="18951" y="3715"/>
                  </a:lnTo>
                  <a:lnTo>
                    <a:pt x="18437" y="3164"/>
                  </a:lnTo>
                  <a:lnTo>
                    <a:pt x="17886" y="2649"/>
                  </a:lnTo>
                  <a:lnTo>
                    <a:pt x="17300" y="2174"/>
                  </a:lnTo>
                  <a:lnTo>
                    <a:pt x="16681" y="1740"/>
                  </a:lnTo>
                  <a:lnTo>
                    <a:pt x="16031" y="1349"/>
                  </a:lnTo>
                  <a:lnTo>
                    <a:pt x="15353" y="1004"/>
                  </a:lnTo>
                  <a:lnTo>
                    <a:pt x="14648" y="706"/>
                  </a:lnTo>
                  <a:lnTo>
                    <a:pt x="13919" y="457"/>
                  </a:lnTo>
                  <a:lnTo>
                    <a:pt x="13168" y="260"/>
                  </a:lnTo>
                  <a:lnTo>
                    <a:pt x="12396" y="117"/>
                  </a:lnTo>
                  <a:lnTo>
                    <a:pt x="11606" y="30"/>
                  </a:lnTo>
                  <a:lnTo>
                    <a:pt x="10800" y="0"/>
                  </a:lnTo>
                  <a:close/>
                </a:path>
              </a:pathLst>
            </a:custGeom>
            <a:solidFill>
              <a:srgbClr val="767171"/>
            </a:solidFill>
            <a:ln w="12700" cap="flat">
              <a:noFill/>
              <a:miter lim="400000"/>
            </a:ln>
            <a:effectLst/>
          </p:spPr>
          <p:txBody>
            <a:bodyPr wrap="square" lIns="45718" tIns="45718" rIns="45718" bIns="45718" numCol="1" anchor="t">
              <a:noAutofit/>
            </a:bodyPr>
            <a:lstStyle/>
            <a:p>
              <a:pPr>
                <a:defRPr sz="800">
                  <a:latin typeface="+mj-lt"/>
                  <a:ea typeface="+mj-ea"/>
                  <a:cs typeface="+mj-cs"/>
                  <a:sym typeface="Calibri"/>
                </a:defRPr>
              </a:pPr>
              <a:endParaRPr sz="840"/>
            </a:p>
          </p:txBody>
        </p:sp>
        <p:sp>
          <p:nvSpPr>
            <p:cNvPr id="198" name="object 20"/>
            <p:cNvSpPr/>
            <p:nvPr/>
          </p:nvSpPr>
          <p:spPr>
            <a:xfrm>
              <a:off x="1678959" y="1836538"/>
              <a:ext cx="399457" cy="399446"/>
            </a:xfrm>
            <a:custGeom>
              <a:avLst/>
              <a:gdLst/>
              <a:ahLst/>
              <a:cxnLst>
                <a:cxn ang="0">
                  <a:pos x="wd2" y="hd2"/>
                </a:cxn>
                <a:cxn ang="5400000">
                  <a:pos x="wd2" y="hd2"/>
                </a:cxn>
                <a:cxn ang="10800000">
                  <a:pos x="wd2" y="hd2"/>
                </a:cxn>
                <a:cxn ang="16200000">
                  <a:pos x="wd2" y="hd2"/>
                </a:cxn>
              </a:cxnLst>
              <a:rect l="0" t="0" r="r" b="b"/>
              <a:pathLst>
                <a:path w="21600" h="21600" extrusionOk="0">
                  <a:moveTo>
                    <a:pt x="10800" y="0"/>
                  </a:moveTo>
                  <a:lnTo>
                    <a:pt x="9994" y="30"/>
                  </a:lnTo>
                  <a:lnTo>
                    <a:pt x="9204" y="117"/>
                  </a:lnTo>
                  <a:lnTo>
                    <a:pt x="8432" y="260"/>
                  </a:lnTo>
                  <a:lnTo>
                    <a:pt x="7681" y="457"/>
                  </a:lnTo>
                  <a:lnTo>
                    <a:pt x="6952" y="706"/>
                  </a:lnTo>
                  <a:lnTo>
                    <a:pt x="6247" y="1004"/>
                  </a:lnTo>
                  <a:lnTo>
                    <a:pt x="5569" y="1349"/>
                  </a:lnTo>
                  <a:lnTo>
                    <a:pt x="4919" y="1740"/>
                  </a:lnTo>
                  <a:lnTo>
                    <a:pt x="4300" y="2174"/>
                  </a:lnTo>
                  <a:lnTo>
                    <a:pt x="3714" y="2649"/>
                  </a:lnTo>
                  <a:lnTo>
                    <a:pt x="3163" y="3164"/>
                  </a:lnTo>
                  <a:lnTo>
                    <a:pt x="2649" y="3715"/>
                  </a:lnTo>
                  <a:lnTo>
                    <a:pt x="2174" y="4301"/>
                  </a:lnTo>
                  <a:lnTo>
                    <a:pt x="1740" y="4920"/>
                  </a:lnTo>
                  <a:lnTo>
                    <a:pt x="1349" y="5569"/>
                  </a:lnTo>
                  <a:lnTo>
                    <a:pt x="1004" y="6247"/>
                  </a:lnTo>
                  <a:lnTo>
                    <a:pt x="706" y="6952"/>
                  </a:lnTo>
                  <a:lnTo>
                    <a:pt x="457" y="7681"/>
                  </a:lnTo>
                  <a:lnTo>
                    <a:pt x="260" y="8433"/>
                  </a:lnTo>
                  <a:lnTo>
                    <a:pt x="117" y="9205"/>
                  </a:lnTo>
                  <a:lnTo>
                    <a:pt x="30" y="9994"/>
                  </a:lnTo>
                  <a:lnTo>
                    <a:pt x="0" y="10800"/>
                  </a:lnTo>
                  <a:lnTo>
                    <a:pt x="30" y="11606"/>
                  </a:lnTo>
                  <a:lnTo>
                    <a:pt x="117" y="12396"/>
                  </a:lnTo>
                  <a:lnTo>
                    <a:pt x="260" y="13168"/>
                  </a:lnTo>
                  <a:lnTo>
                    <a:pt x="457" y="13920"/>
                  </a:lnTo>
                  <a:lnTo>
                    <a:pt x="706" y="14649"/>
                  </a:lnTo>
                  <a:lnTo>
                    <a:pt x="1004" y="15353"/>
                  </a:lnTo>
                  <a:lnTo>
                    <a:pt x="1349" y="16032"/>
                  </a:lnTo>
                  <a:lnTo>
                    <a:pt x="1740" y="16681"/>
                  </a:lnTo>
                  <a:lnTo>
                    <a:pt x="2174" y="17300"/>
                  </a:lnTo>
                  <a:lnTo>
                    <a:pt x="2649" y="17886"/>
                  </a:lnTo>
                  <a:lnTo>
                    <a:pt x="3163" y="18437"/>
                  </a:lnTo>
                  <a:lnTo>
                    <a:pt x="3714" y="18951"/>
                  </a:lnTo>
                  <a:lnTo>
                    <a:pt x="4300" y="19426"/>
                  </a:lnTo>
                  <a:lnTo>
                    <a:pt x="4919" y="19860"/>
                  </a:lnTo>
                  <a:lnTo>
                    <a:pt x="5569" y="20251"/>
                  </a:lnTo>
                  <a:lnTo>
                    <a:pt x="6247" y="20596"/>
                  </a:lnTo>
                  <a:lnTo>
                    <a:pt x="6952" y="20894"/>
                  </a:lnTo>
                  <a:lnTo>
                    <a:pt x="7681" y="21143"/>
                  </a:lnTo>
                  <a:lnTo>
                    <a:pt x="8432" y="21340"/>
                  </a:lnTo>
                  <a:lnTo>
                    <a:pt x="9204" y="21483"/>
                  </a:lnTo>
                  <a:lnTo>
                    <a:pt x="9994" y="21570"/>
                  </a:lnTo>
                  <a:lnTo>
                    <a:pt x="10800" y="21600"/>
                  </a:lnTo>
                  <a:lnTo>
                    <a:pt x="11606" y="21570"/>
                  </a:lnTo>
                  <a:lnTo>
                    <a:pt x="12396" y="21483"/>
                  </a:lnTo>
                  <a:lnTo>
                    <a:pt x="13168" y="21340"/>
                  </a:lnTo>
                  <a:lnTo>
                    <a:pt x="13919" y="21143"/>
                  </a:lnTo>
                  <a:lnTo>
                    <a:pt x="14648" y="20894"/>
                  </a:lnTo>
                  <a:lnTo>
                    <a:pt x="15353" y="20596"/>
                  </a:lnTo>
                  <a:lnTo>
                    <a:pt x="16031" y="20251"/>
                  </a:lnTo>
                  <a:lnTo>
                    <a:pt x="16681" y="19860"/>
                  </a:lnTo>
                  <a:lnTo>
                    <a:pt x="17299" y="19426"/>
                  </a:lnTo>
                  <a:lnTo>
                    <a:pt x="17885" y="18951"/>
                  </a:lnTo>
                  <a:lnTo>
                    <a:pt x="18437" y="18437"/>
                  </a:lnTo>
                  <a:lnTo>
                    <a:pt x="18951" y="17886"/>
                  </a:lnTo>
                  <a:lnTo>
                    <a:pt x="19426" y="17300"/>
                  </a:lnTo>
                  <a:lnTo>
                    <a:pt x="19860" y="16681"/>
                  </a:lnTo>
                  <a:lnTo>
                    <a:pt x="20251" y="16032"/>
                  </a:lnTo>
                  <a:lnTo>
                    <a:pt x="20596" y="15353"/>
                  </a:lnTo>
                  <a:lnTo>
                    <a:pt x="20894" y="14649"/>
                  </a:lnTo>
                  <a:lnTo>
                    <a:pt x="21143" y="13920"/>
                  </a:lnTo>
                  <a:lnTo>
                    <a:pt x="21340" y="13168"/>
                  </a:lnTo>
                  <a:lnTo>
                    <a:pt x="21483" y="12396"/>
                  </a:lnTo>
                  <a:lnTo>
                    <a:pt x="21570" y="11606"/>
                  </a:lnTo>
                  <a:lnTo>
                    <a:pt x="21600" y="10800"/>
                  </a:lnTo>
                  <a:lnTo>
                    <a:pt x="21570" y="9994"/>
                  </a:lnTo>
                  <a:lnTo>
                    <a:pt x="21483" y="9205"/>
                  </a:lnTo>
                  <a:lnTo>
                    <a:pt x="21340" y="8433"/>
                  </a:lnTo>
                  <a:lnTo>
                    <a:pt x="21143" y="7681"/>
                  </a:lnTo>
                  <a:lnTo>
                    <a:pt x="20894" y="6952"/>
                  </a:lnTo>
                  <a:lnTo>
                    <a:pt x="20596" y="6247"/>
                  </a:lnTo>
                  <a:lnTo>
                    <a:pt x="20251" y="5569"/>
                  </a:lnTo>
                  <a:lnTo>
                    <a:pt x="19860" y="4920"/>
                  </a:lnTo>
                  <a:lnTo>
                    <a:pt x="19426" y="4301"/>
                  </a:lnTo>
                  <a:lnTo>
                    <a:pt x="18951" y="3715"/>
                  </a:lnTo>
                  <a:lnTo>
                    <a:pt x="18437" y="3164"/>
                  </a:lnTo>
                  <a:lnTo>
                    <a:pt x="17885" y="2649"/>
                  </a:lnTo>
                  <a:lnTo>
                    <a:pt x="17299" y="2174"/>
                  </a:lnTo>
                  <a:lnTo>
                    <a:pt x="16681" y="1740"/>
                  </a:lnTo>
                  <a:lnTo>
                    <a:pt x="16031" y="1349"/>
                  </a:lnTo>
                  <a:lnTo>
                    <a:pt x="15353" y="1004"/>
                  </a:lnTo>
                  <a:lnTo>
                    <a:pt x="14648" y="706"/>
                  </a:lnTo>
                  <a:lnTo>
                    <a:pt x="13919" y="457"/>
                  </a:lnTo>
                  <a:lnTo>
                    <a:pt x="13168" y="260"/>
                  </a:lnTo>
                  <a:lnTo>
                    <a:pt x="12396" y="117"/>
                  </a:lnTo>
                  <a:lnTo>
                    <a:pt x="11606" y="30"/>
                  </a:lnTo>
                  <a:lnTo>
                    <a:pt x="10800" y="0"/>
                  </a:lnTo>
                  <a:close/>
                </a:path>
              </a:pathLst>
            </a:custGeom>
            <a:solidFill>
              <a:srgbClr val="FFBD37"/>
            </a:solidFill>
            <a:ln w="12700" cap="flat">
              <a:noFill/>
              <a:miter lim="400000"/>
            </a:ln>
            <a:effectLst/>
          </p:spPr>
          <p:txBody>
            <a:bodyPr wrap="square" lIns="45718" tIns="45718" rIns="45718" bIns="45718" numCol="1" anchor="t">
              <a:noAutofit/>
            </a:bodyPr>
            <a:lstStyle/>
            <a:p>
              <a:pPr>
                <a:defRPr sz="800">
                  <a:latin typeface="+mj-lt"/>
                  <a:ea typeface="+mj-ea"/>
                  <a:cs typeface="+mj-cs"/>
                  <a:sym typeface="Calibri"/>
                </a:defRPr>
              </a:pPr>
              <a:endParaRPr sz="840"/>
            </a:p>
          </p:txBody>
        </p:sp>
        <p:sp>
          <p:nvSpPr>
            <p:cNvPr id="199" name="object 21"/>
            <p:cNvSpPr/>
            <p:nvPr/>
          </p:nvSpPr>
          <p:spPr>
            <a:xfrm>
              <a:off x="566984" y="1836538"/>
              <a:ext cx="399450" cy="399446"/>
            </a:xfrm>
            <a:custGeom>
              <a:avLst/>
              <a:gdLst/>
              <a:ahLst/>
              <a:cxnLst>
                <a:cxn ang="0">
                  <a:pos x="wd2" y="hd2"/>
                </a:cxn>
                <a:cxn ang="5400000">
                  <a:pos x="wd2" y="hd2"/>
                </a:cxn>
                <a:cxn ang="10800000">
                  <a:pos x="wd2" y="hd2"/>
                </a:cxn>
                <a:cxn ang="16200000">
                  <a:pos x="wd2" y="hd2"/>
                </a:cxn>
              </a:cxnLst>
              <a:rect l="0" t="0" r="r" b="b"/>
              <a:pathLst>
                <a:path w="21600" h="21600" extrusionOk="0">
                  <a:moveTo>
                    <a:pt x="10800" y="0"/>
                  </a:moveTo>
                  <a:lnTo>
                    <a:pt x="9994" y="30"/>
                  </a:lnTo>
                  <a:lnTo>
                    <a:pt x="9204" y="117"/>
                  </a:lnTo>
                  <a:lnTo>
                    <a:pt x="8433" y="260"/>
                  </a:lnTo>
                  <a:lnTo>
                    <a:pt x="7681" y="457"/>
                  </a:lnTo>
                  <a:lnTo>
                    <a:pt x="6952" y="706"/>
                  </a:lnTo>
                  <a:lnTo>
                    <a:pt x="6247" y="1004"/>
                  </a:lnTo>
                  <a:lnTo>
                    <a:pt x="5569" y="1349"/>
                  </a:lnTo>
                  <a:lnTo>
                    <a:pt x="4919" y="1740"/>
                  </a:lnTo>
                  <a:lnTo>
                    <a:pt x="4301" y="2174"/>
                  </a:lnTo>
                  <a:lnTo>
                    <a:pt x="3714" y="2649"/>
                  </a:lnTo>
                  <a:lnTo>
                    <a:pt x="3163" y="3164"/>
                  </a:lnTo>
                  <a:lnTo>
                    <a:pt x="2649" y="3715"/>
                  </a:lnTo>
                  <a:lnTo>
                    <a:pt x="2174" y="4301"/>
                  </a:lnTo>
                  <a:lnTo>
                    <a:pt x="1740" y="4920"/>
                  </a:lnTo>
                  <a:lnTo>
                    <a:pt x="1349" y="5569"/>
                  </a:lnTo>
                  <a:lnTo>
                    <a:pt x="1004" y="6247"/>
                  </a:lnTo>
                  <a:lnTo>
                    <a:pt x="706" y="6952"/>
                  </a:lnTo>
                  <a:lnTo>
                    <a:pt x="457" y="7681"/>
                  </a:lnTo>
                  <a:lnTo>
                    <a:pt x="260" y="8433"/>
                  </a:lnTo>
                  <a:lnTo>
                    <a:pt x="117" y="9205"/>
                  </a:lnTo>
                  <a:lnTo>
                    <a:pt x="30" y="9994"/>
                  </a:lnTo>
                  <a:lnTo>
                    <a:pt x="0" y="10800"/>
                  </a:lnTo>
                  <a:lnTo>
                    <a:pt x="30" y="11606"/>
                  </a:lnTo>
                  <a:lnTo>
                    <a:pt x="117" y="12396"/>
                  </a:lnTo>
                  <a:lnTo>
                    <a:pt x="260" y="13168"/>
                  </a:lnTo>
                  <a:lnTo>
                    <a:pt x="457" y="13920"/>
                  </a:lnTo>
                  <a:lnTo>
                    <a:pt x="706" y="14649"/>
                  </a:lnTo>
                  <a:lnTo>
                    <a:pt x="1004" y="15353"/>
                  </a:lnTo>
                  <a:lnTo>
                    <a:pt x="1349" y="16032"/>
                  </a:lnTo>
                  <a:lnTo>
                    <a:pt x="1740" y="16681"/>
                  </a:lnTo>
                  <a:lnTo>
                    <a:pt x="2174" y="17300"/>
                  </a:lnTo>
                  <a:lnTo>
                    <a:pt x="2649" y="17886"/>
                  </a:lnTo>
                  <a:lnTo>
                    <a:pt x="3163" y="18437"/>
                  </a:lnTo>
                  <a:lnTo>
                    <a:pt x="3714" y="18951"/>
                  </a:lnTo>
                  <a:lnTo>
                    <a:pt x="4301" y="19426"/>
                  </a:lnTo>
                  <a:lnTo>
                    <a:pt x="4919" y="19860"/>
                  </a:lnTo>
                  <a:lnTo>
                    <a:pt x="5569" y="20251"/>
                  </a:lnTo>
                  <a:lnTo>
                    <a:pt x="6247" y="20596"/>
                  </a:lnTo>
                  <a:lnTo>
                    <a:pt x="6952" y="20894"/>
                  </a:lnTo>
                  <a:lnTo>
                    <a:pt x="7681" y="21143"/>
                  </a:lnTo>
                  <a:lnTo>
                    <a:pt x="8433" y="21340"/>
                  </a:lnTo>
                  <a:lnTo>
                    <a:pt x="9204" y="21483"/>
                  </a:lnTo>
                  <a:lnTo>
                    <a:pt x="9994" y="21570"/>
                  </a:lnTo>
                  <a:lnTo>
                    <a:pt x="10800" y="21600"/>
                  </a:lnTo>
                  <a:lnTo>
                    <a:pt x="11606" y="21570"/>
                  </a:lnTo>
                  <a:lnTo>
                    <a:pt x="12396" y="21483"/>
                  </a:lnTo>
                  <a:lnTo>
                    <a:pt x="13168" y="21340"/>
                  </a:lnTo>
                  <a:lnTo>
                    <a:pt x="13919" y="21143"/>
                  </a:lnTo>
                  <a:lnTo>
                    <a:pt x="14649" y="20894"/>
                  </a:lnTo>
                  <a:lnTo>
                    <a:pt x="15353" y="20596"/>
                  </a:lnTo>
                  <a:lnTo>
                    <a:pt x="16031" y="20251"/>
                  </a:lnTo>
                  <a:lnTo>
                    <a:pt x="16681" y="19860"/>
                  </a:lnTo>
                  <a:lnTo>
                    <a:pt x="17300" y="19426"/>
                  </a:lnTo>
                  <a:lnTo>
                    <a:pt x="17886" y="18951"/>
                  </a:lnTo>
                  <a:lnTo>
                    <a:pt x="18437" y="18437"/>
                  </a:lnTo>
                  <a:lnTo>
                    <a:pt x="18951" y="17886"/>
                  </a:lnTo>
                  <a:lnTo>
                    <a:pt x="19426" y="17300"/>
                  </a:lnTo>
                  <a:lnTo>
                    <a:pt x="19860" y="16681"/>
                  </a:lnTo>
                  <a:lnTo>
                    <a:pt x="20251" y="16032"/>
                  </a:lnTo>
                  <a:lnTo>
                    <a:pt x="20596" y="15353"/>
                  </a:lnTo>
                  <a:lnTo>
                    <a:pt x="20894" y="14649"/>
                  </a:lnTo>
                  <a:lnTo>
                    <a:pt x="21143" y="13920"/>
                  </a:lnTo>
                  <a:lnTo>
                    <a:pt x="21340" y="13168"/>
                  </a:lnTo>
                  <a:lnTo>
                    <a:pt x="21483" y="12396"/>
                  </a:lnTo>
                  <a:lnTo>
                    <a:pt x="21570" y="11606"/>
                  </a:lnTo>
                  <a:lnTo>
                    <a:pt x="21600" y="10800"/>
                  </a:lnTo>
                  <a:lnTo>
                    <a:pt x="21570" y="9994"/>
                  </a:lnTo>
                  <a:lnTo>
                    <a:pt x="21483" y="9205"/>
                  </a:lnTo>
                  <a:lnTo>
                    <a:pt x="21340" y="8433"/>
                  </a:lnTo>
                  <a:lnTo>
                    <a:pt x="21143" y="7681"/>
                  </a:lnTo>
                  <a:lnTo>
                    <a:pt x="20894" y="6952"/>
                  </a:lnTo>
                  <a:lnTo>
                    <a:pt x="20596" y="6247"/>
                  </a:lnTo>
                  <a:lnTo>
                    <a:pt x="20251" y="5569"/>
                  </a:lnTo>
                  <a:lnTo>
                    <a:pt x="19860" y="4920"/>
                  </a:lnTo>
                  <a:lnTo>
                    <a:pt x="19426" y="4301"/>
                  </a:lnTo>
                  <a:lnTo>
                    <a:pt x="18951" y="3715"/>
                  </a:lnTo>
                  <a:lnTo>
                    <a:pt x="18437" y="3164"/>
                  </a:lnTo>
                  <a:lnTo>
                    <a:pt x="17886" y="2649"/>
                  </a:lnTo>
                  <a:lnTo>
                    <a:pt x="17300" y="2174"/>
                  </a:lnTo>
                  <a:lnTo>
                    <a:pt x="16681" y="1740"/>
                  </a:lnTo>
                  <a:lnTo>
                    <a:pt x="16031" y="1349"/>
                  </a:lnTo>
                  <a:lnTo>
                    <a:pt x="15353" y="1004"/>
                  </a:lnTo>
                  <a:lnTo>
                    <a:pt x="14649" y="706"/>
                  </a:lnTo>
                  <a:lnTo>
                    <a:pt x="13919" y="457"/>
                  </a:lnTo>
                  <a:lnTo>
                    <a:pt x="13168" y="260"/>
                  </a:lnTo>
                  <a:lnTo>
                    <a:pt x="12396" y="117"/>
                  </a:lnTo>
                  <a:lnTo>
                    <a:pt x="11606" y="30"/>
                  </a:lnTo>
                  <a:lnTo>
                    <a:pt x="10800" y="0"/>
                  </a:lnTo>
                  <a:close/>
                </a:path>
              </a:pathLst>
            </a:custGeom>
            <a:solidFill>
              <a:srgbClr val="FF821E"/>
            </a:solidFill>
            <a:ln w="12700" cap="flat">
              <a:noFill/>
              <a:miter lim="400000"/>
            </a:ln>
            <a:effectLst/>
          </p:spPr>
          <p:txBody>
            <a:bodyPr wrap="square" lIns="45718" tIns="45718" rIns="45718" bIns="45718" numCol="1" anchor="t">
              <a:noAutofit/>
            </a:bodyPr>
            <a:lstStyle/>
            <a:p>
              <a:pPr>
                <a:defRPr sz="800">
                  <a:latin typeface="+mj-lt"/>
                  <a:ea typeface="+mj-ea"/>
                  <a:cs typeface="+mj-cs"/>
                  <a:sym typeface="Calibri"/>
                </a:defRPr>
              </a:pPr>
              <a:endParaRPr sz="840"/>
            </a:p>
          </p:txBody>
        </p:sp>
        <p:sp>
          <p:nvSpPr>
            <p:cNvPr id="200" name="object 22"/>
            <p:cNvSpPr/>
            <p:nvPr/>
          </p:nvSpPr>
          <p:spPr>
            <a:xfrm>
              <a:off x="566984" y="2387215"/>
              <a:ext cx="399450" cy="399446"/>
            </a:xfrm>
            <a:custGeom>
              <a:avLst/>
              <a:gdLst/>
              <a:ahLst/>
              <a:cxnLst>
                <a:cxn ang="0">
                  <a:pos x="wd2" y="hd2"/>
                </a:cxn>
                <a:cxn ang="5400000">
                  <a:pos x="wd2" y="hd2"/>
                </a:cxn>
                <a:cxn ang="10800000">
                  <a:pos x="wd2" y="hd2"/>
                </a:cxn>
                <a:cxn ang="16200000">
                  <a:pos x="wd2" y="hd2"/>
                </a:cxn>
              </a:cxnLst>
              <a:rect l="0" t="0" r="r" b="b"/>
              <a:pathLst>
                <a:path w="21600" h="21600" extrusionOk="0">
                  <a:moveTo>
                    <a:pt x="10800" y="0"/>
                  </a:moveTo>
                  <a:lnTo>
                    <a:pt x="9994" y="30"/>
                  </a:lnTo>
                  <a:lnTo>
                    <a:pt x="9204" y="117"/>
                  </a:lnTo>
                  <a:lnTo>
                    <a:pt x="8433" y="260"/>
                  </a:lnTo>
                  <a:lnTo>
                    <a:pt x="7681" y="457"/>
                  </a:lnTo>
                  <a:lnTo>
                    <a:pt x="6952" y="706"/>
                  </a:lnTo>
                  <a:lnTo>
                    <a:pt x="6247" y="1004"/>
                  </a:lnTo>
                  <a:lnTo>
                    <a:pt x="5569" y="1349"/>
                  </a:lnTo>
                  <a:lnTo>
                    <a:pt x="4919" y="1740"/>
                  </a:lnTo>
                  <a:lnTo>
                    <a:pt x="4301" y="2174"/>
                  </a:lnTo>
                  <a:lnTo>
                    <a:pt x="3714" y="2649"/>
                  </a:lnTo>
                  <a:lnTo>
                    <a:pt x="3163" y="3163"/>
                  </a:lnTo>
                  <a:lnTo>
                    <a:pt x="2649" y="3714"/>
                  </a:lnTo>
                  <a:lnTo>
                    <a:pt x="2174" y="4300"/>
                  </a:lnTo>
                  <a:lnTo>
                    <a:pt x="1740" y="4919"/>
                  </a:lnTo>
                  <a:lnTo>
                    <a:pt x="1349" y="5568"/>
                  </a:lnTo>
                  <a:lnTo>
                    <a:pt x="1004" y="6247"/>
                  </a:lnTo>
                  <a:lnTo>
                    <a:pt x="706" y="6951"/>
                  </a:lnTo>
                  <a:lnTo>
                    <a:pt x="457" y="7680"/>
                  </a:lnTo>
                  <a:lnTo>
                    <a:pt x="260" y="8432"/>
                  </a:lnTo>
                  <a:lnTo>
                    <a:pt x="117" y="9204"/>
                  </a:lnTo>
                  <a:lnTo>
                    <a:pt x="30" y="9993"/>
                  </a:lnTo>
                  <a:lnTo>
                    <a:pt x="0" y="10799"/>
                  </a:lnTo>
                  <a:lnTo>
                    <a:pt x="30" y="11606"/>
                  </a:lnTo>
                  <a:lnTo>
                    <a:pt x="117" y="12395"/>
                  </a:lnTo>
                  <a:lnTo>
                    <a:pt x="260" y="13167"/>
                  </a:lnTo>
                  <a:lnTo>
                    <a:pt x="457" y="13919"/>
                  </a:lnTo>
                  <a:lnTo>
                    <a:pt x="706" y="14648"/>
                  </a:lnTo>
                  <a:lnTo>
                    <a:pt x="1004" y="15353"/>
                  </a:lnTo>
                  <a:lnTo>
                    <a:pt x="1349" y="16031"/>
                  </a:lnTo>
                  <a:lnTo>
                    <a:pt x="1740" y="16680"/>
                  </a:lnTo>
                  <a:lnTo>
                    <a:pt x="2174" y="17299"/>
                  </a:lnTo>
                  <a:lnTo>
                    <a:pt x="2649" y="17885"/>
                  </a:lnTo>
                  <a:lnTo>
                    <a:pt x="3163" y="18436"/>
                  </a:lnTo>
                  <a:lnTo>
                    <a:pt x="3714" y="18951"/>
                  </a:lnTo>
                  <a:lnTo>
                    <a:pt x="4301" y="19426"/>
                  </a:lnTo>
                  <a:lnTo>
                    <a:pt x="4919" y="19860"/>
                  </a:lnTo>
                  <a:lnTo>
                    <a:pt x="5569" y="20251"/>
                  </a:lnTo>
                  <a:lnTo>
                    <a:pt x="6247" y="20596"/>
                  </a:lnTo>
                  <a:lnTo>
                    <a:pt x="6952" y="20894"/>
                  </a:lnTo>
                  <a:lnTo>
                    <a:pt x="7681" y="21143"/>
                  </a:lnTo>
                  <a:lnTo>
                    <a:pt x="8433" y="21340"/>
                  </a:lnTo>
                  <a:lnTo>
                    <a:pt x="9204" y="21483"/>
                  </a:lnTo>
                  <a:lnTo>
                    <a:pt x="9994" y="21570"/>
                  </a:lnTo>
                  <a:lnTo>
                    <a:pt x="10800" y="21600"/>
                  </a:lnTo>
                  <a:lnTo>
                    <a:pt x="11606" y="21570"/>
                  </a:lnTo>
                  <a:lnTo>
                    <a:pt x="12396" y="21483"/>
                  </a:lnTo>
                  <a:lnTo>
                    <a:pt x="13168" y="21340"/>
                  </a:lnTo>
                  <a:lnTo>
                    <a:pt x="13919" y="21143"/>
                  </a:lnTo>
                  <a:lnTo>
                    <a:pt x="14649" y="20894"/>
                  </a:lnTo>
                  <a:lnTo>
                    <a:pt x="15353" y="20596"/>
                  </a:lnTo>
                  <a:lnTo>
                    <a:pt x="16031" y="20251"/>
                  </a:lnTo>
                  <a:lnTo>
                    <a:pt x="16681" y="19860"/>
                  </a:lnTo>
                  <a:lnTo>
                    <a:pt x="17300" y="19426"/>
                  </a:lnTo>
                  <a:lnTo>
                    <a:pt x="17886" y="18951"/>
                  </a:lnTo>
                  <a:lnTo>
                    <a:pt x="18437" y="18436"/>
                  </a:lnTo>
                  <a:lnTo>
                    <a:pt x="18951" y="17885"/>
                  </a:lnTo>
                  <a:lnTo>
                    <a:pt x="19426" y="17299"/>
                  </a:lnTo>
                  <a:lnTo>
                    <a:pt x="19860" y="16680"/>
                  </a:lnTo>
                  <a:lnTo>
                    <a:pt x="20251" y="16031"/>
                  </a:lnTo>
                  <a:lnTo>
                    <a:pt x="20596" y="15353"/>
                  </a:lnTo>
                  <a:lnTo>
                    <a:pt x="20894" y="14648"/>
                  </a:lnTo>
                  <a:lnTo>
                    <a:pt x="21143" y="13919"/>
                  </a:lnTo>
                  <a:lnTo>
                    <a:pt x="21340" y="13167"/>
                  </a:lnTo>
                  <a:lnTo>
                    <a:pt x="21483" y="12395"/>
                  </a:lnTo>
                  <a:lnTo>
                    <a:pt x="21570" y="11606"/>
                  </a:lnTo>
                  <a:lnTo>
                    <a:pt x="21600" y="10799"/>
                  </a:lnTo>
                  <a:lnTo>
                    <a:pt x="21570" y="9993"/>
                  </a:lnTo>
                  <a:lnTo>
                    <a:pt x="21483" y="9204"/>
                  </a:lnTo>
                  <a:lnTo>
                    <a:pt x="21340" y="8432"/>
                  </a:lnTo>
                  <a:lnTo>
                    <a:pt x="21143" y="7680"/>
                  </a:lnTo>
                  <a:lnTo>
                    <a:pt x="20894" y="6951"/>
                  </a:lnTo>
                  <a:lnTo>
                    <a:pt x="20596" y="6247"/>
                  </a:lnTo>
                  <a:lnTo>
                    <a:pt x="20251" y="5568"/>
                  </a:lnTo>
                  <a:lnTo>
                    <a:pt x="19860" y="4919"/>
                  </a:lnTo>
                  <a:lnTo>
                    <a:pt x="19426" y="4300"/>
                  </a:lnTo>
                  <a:lnTo>
                    <a:pt x="18951" y="3714"/>
                  </a:lnTo>
                  <a:lnTo>
                    <a:pt x="18437" y="3163"/>
                  </a:lnTo>
                  <a:lnTo>
                    <a:pt x="17886" y="2649"/>
                  </a:lnTo>
                  <a:lnTo>
                    <a:pt x="17300" y="2174"/>
                  </a:lnTo>
                  <a:lnTo>
                    <a:pt x="16681" y="1740"/>
                  </a:lnTo>
                  <a:lnTo>
                    <a:pt x="16031" y="1349"/>
                  </a:lnTo>
                  <a:lnTo>
                    <a:pt x="15353" y="1004"/>
                  </a:lnTo>
                  <a:lnTo>
                    <a:pt x="14649" y="706"/>
                  </a:lnTo>
                  <a:lnTo>
                    <a:pt x="13919" y="457"/>
                  </a:lnTo>
                  <a:lnTo>
                    <a:pt x="13168" y="260"/>
                  </a:lnTo>
                  <a:lnTo>
                    <a:pt x="12396" y="117"/>
                  </a:lnTo>
                  <a:lnTo>
                    <a:pt x="11606" y="30"/>
                  </a:lnTo>
                  <a:lnTo>
                    <a:pt x="10800" y="0"/>
                  </a:lnTo>
                  <a:close/>
                </a:path>
              </a:pathLst>
            </a:custGeom>
            <a:solidFill>
              <a:srgbClr val="F5D69B"/>
            </a:solidFill>
            <a:ln w="12700" cap="flat">
              <a:noFill/>
              <a:miter lim="400000"/>
            </a:ln>
            <a:effectLst/>
          </p:spPr>
          <p:txBody>
            <a:bodyPr wrap="square" lIns="45718" tIns="45718" rIns="45718" bIns="45718" numCol="1" anchor="t">
              <a:noAutofit/>
            </a:bodyPr>
            <a:lstStyle/>
            <a:p>
              <a:pPr>
                <a:defRPr sz="800">
                  <a:latin typeface="+mj-lt"/>
                  <a:ea typeface="+mj-ea"/>
                  <a:cs typeface="+mj-cs"/>
                  <a:sym typeface="Calibri"/>
                </a:defRPr>
              </a:pPr>
              <a:endParaRPr sz="840"/>
            </a:p>
          </p:txBody>
        </p:sp>
        <p:sp>
          <p:nvSpPr>
            <p:cNvPr id="201" name="object 23"/>
            <p:cNvSpPr/>
            <p:nvPr/>
          </p:nvSpPr>
          <p:spPr>
            <a:xfrm>
              <a:off x="1122972" y="2942780"/>
              <a:ext cx="399457" cy="399446"/>
            </a:xfrm>
            <a:custGeom>
              <a:avLst/>
              <a:gdLst/>
              <a:ahLst/>
              <a:cxnLst>
                <a:cxn ang="0">
                  <a:pos x="wd2" y="hd2"/>
                </a:cxn>
                <a:cxn ang="5400000">
                  <a:pos x="wd2" y="hd2"/>
                </a:cxn>
                <a:cxn ang="10800000">
                  <a:pos x="wd2" y="hd2"/>
                </a:cxn>
                <a:cxn ang="16200000">
                  <a:pos x="wd2" y="hd2"/>
                </a:cxn>
              </a:cxnLst>
              <a:rect l="0" t="0" r="r" b="b"/>
              <a:pathLst>
                <a:path w="21600" h="21600" extrusionOk="0">
                  <a:moveTo>
                    <a:pt x="10799" y="0"/>
                  </a:moveTo>
                  <a:lnTo>
                    <a:pt x="9993" y="30"/>
                  </a:lnTo>
                  <a:lnTo>
                    <a:pt x="9204" y="117"/>
                  </a:lnTo>
                  <a:lnTo>
                    <a:pt x="8432" y="260"/>
                  </a:lnTo>
                  <a:lnTo>
                    <a:pt x="7680" y="457"/>
                  </a:lnTo>
                  <a:lnTo>
                    <a:pt x="6951" y="706"/>
                  </a:lnTo>
                  <a:lnTo>
                    <a:pt x="6247" y="1004"/>
                  </a:lnTo>
                  <a:lnTo>
                    <a:pt x="5568" y="1349"/>
                  </a:lnTo>
                  <a:lnTo>
                    <a:pt x="4919" y="1740"/>
                  </a:lnTo>
                  <a:lnTo>
                    <a:pt x="4300" y="2174"/>
                  </a:lnTo>
                  <a:lnTo>
                    <a:pt x="3714" y="2649"/>
                  </a:lnTo>
                  <a:lnTo>
                    <a:pt x="3163" y="3163"/>
                  </a:lnTo>
                  <a:lnTo>
                    <a:pt x="2649" y="3714"/>
                  </a:lnTo>
                  <a:lnTo>
                    <a:pt x="2174" y="4300"/>
                  </a:lnTo>
                  <a:lnTo>
                    <a:pt x="1740" y="4919"/>
                  </a:lnTo>
                  <a:lnTo>
                    <a:pt x="1349" y="5568"/>
                  </a:lnTo>
                  <a:lnTo>
                    <a:pt x="1004" y="6247"/>
                  </a:lnTo>
                  <a:lnTo>
                    <a:pt x="706" y="6951"/>
                  </a:lnTo>
                  <a:lnTo>
                    <a:pt x="457" y="7680"/>
                  </a:lnTo>
                  <a:lnTo>
                    <a:pt x="260" y="8432"/>
                  </a:lnTo>
                  <a:lnTo>
                    <a:pt x="117" y="9204"/>
                  </a:lnTo>
                  <a:lnTo>
                    <a:pt x="30" y="9993"/>
                  </a:lnTo>
                  <a:lnTo>
                    <a:pt x="0" y="10799"/>
                  </a:lnTo>
                  <a:lnTo>
                    <a:pt x="30" y="11606"/>
                  </a:lnTo>
                  <a:lnTo>
                    <a:pt x="117" y="12395"/>
                  </a:lnTo>
                  <a:lnTo>
                    <a:pt x="260" y="13167"/>
                  </a:lnTo>
                  <a:lnTo>
                    <a:pt x="457" y="13919"/>
                  </a:lnTo>
                  <a:lnTo>
                    <a:pt x="706" y="14648"/>
                  </a:lnTo>
                  <a:lnTo>
                    <a:pt x="1004" y="15353"/>
                  </a:lnTo>
                  <a:lnTo>
                    <a:pt x="1349" y="16031"/>
                  </a:lnTo>
                  <a:lnTo>
                    <a:pt x="1740" y="16680"/>
                  </a:lnTo>
                  <a:lnTo>
                    <a:pt x="2174" y="17299"/>
                  </a:lnTo>
                  <a:lnTo>
                    <a:pt x="2649" y="17885"/>
                  </a:lnTo>
                  <a:lnTo>
                    <a:pt x="3163" y="18436"/>
                  </a:lnTo>
                  <a:lnTo>
                    <a:pt x="3714" y="18951"/>
                  </a:lnTo>
                  <a:lnTo>
                    <a:pt x="4300" y="19426"/>
                  </a:lnTo>
                  <a:lnTo>
                    <a:pt x="4919" y="19860"/>
                  </a:lnTo>
                  <a:lnTo>
                    <a:pt x="5568" y="20251"/>
                  </a:lnTo>
                  <a:lnTo>
                    <a:pt x="6247" y="20596"/>
                  </a:lnTo>
                  <a:lnTo>
                    <a:pt x="6951" y="20894"/>
                  </a:lnTo>
                  <a:lnTo>
                    <a:pt x="7680" y="21143"/>
                  </a:lnTo>
                  <a:lnTo>
                    <a:pt x="8432" y="21340"/>
                  </a:lnTo>
                  <a:lnTo>
                    <a:pt x="9204" y="21483"/>
                  </a:lnTo>
                  <a:lnTo>
                    <a:pt x="9993" y="21570"/>
                  </a:lnTo>
                  <a:lnTo>
                    <a:pt x="10799" y="21600"/>
                  </a:lnTo>
                  <a:lnTo>
                    <a:pt x="11606" y="21570"/>
                  </a:lnTo>
                  <a:lnTo>
                    <a:pt x="12395" y="21483"/>
                  </a:lnTo>
                  <a:lnTo>
                    <a:pt x="13167" y="21340"/>
                  </a:lnTo>
                  <a:lnTo>
                    <a:pt x="13919" y="21143"/>
                  </a:lnTo>
                  <a:lnTo>
                    <a:pt x="14648" y="20894"/>
                  </a:lnTo>
                  <a:lnTo>
                    <a:pt x="15353" y="20596"/>
                  </a:lnTo>
                  <a:lnTo>
                    <a:pt x="16031" y="20251"/>
                  </a:lnTo>
                  <a:lnTo>
                    <a:pt x="16680" y="19860"/>
                  </a:lnTo>
                  <a:lnTo>
                    <a:pt x="17299" y="19426"/>
                  </a:lnTo>
                  <a:lnTo>
                    <a:pt x="17885" y="18951"/>
                  </a:lnTo>
                  <a:lnTo>
                    <a:pt x="18436" y="18436"/>
                  </a:lnTo>
                  <a:lnTo>
                    <a:pt x="18951" y="17885"/>
                  </a:lnTo>
                  <a:lnTo>
                    <a:pt x="19426" y="17299"/>
                  </a:lnTo>
                  <a:lnTo>
                    <a:pt x="19860" y="16680"/>
                  </a:lnTo>
                  <a:lnTo>
                    <a:pt x="20251" y="16031"/>
                  </a:lnTo>
                  <a:lnTo>
                    <a:pt x="20596" y="15353"/>
                  </a:lnTo>
                  <a:lnTo>
                    <a:pt x="20894" y="14648"/>
                  </a:lnTo>
                  <a:lnTo>
                    <a:pt x="21143" y="13919"/>
                  </a:lnTo>
                  <a:lnTo>
                    <a:pt x="21340" y="13167"/>
                  </a:lnTo>
                  <a:lnTo>
                    <a:pt x="21483" y="12395"/>
                  </a:lnTo>
                  <a:lnTo>
                    <a:pt x="21570" y="11606"/>
                  </a:lnTo>
                  <a:lnTo>
                    <a:pt x="21600" y="10799"/>
                  </a:lnTo>
                  <a:lnTo>
                    <a:pt x="21570" y="9993"/>
                  </a:lnTo>
                  <a:lnTo>
                    <a:pt x="21483" y="9204"/>
                  </a:lnTo>
                  <a:lnTo>
                    <a:pt x="21340" y="8432"/>
                  </a:lnTo>
                  <a:lnTo>
                    <a:pt x="21143" y="7680"/>
                  </a:lnTo>
                  <a:lnTo>
                    <a:pt x="20894" y="6951"/>
                  </a:lnTo>
                  <a:lnTo>
                    <a:pt x="20596" y="6247"/>
                  </a:lnTo>
                  <a:lnTo>
                    <a:pt x="20251" y="5568"/>
                  </a:lnTo>
                  <a:lnTo>
                    <a:pt x="19860" y="4919"/>
                  </a:lnTo>
                  <a:lnTo>
                    <a:pt x="19426" y="4300"/>
                  </a:lnTo>
                  <a:lnTo>
                    <a:pt x="18951" y="3714"/>
                  </a:lnTo>
                  <a:lnTo>
                    <a:pt x="18436" y="3163"/>
                  </a:lnTo>
                  <a:lnTo>
                    <a:pt x="17885" y="2649"/>
                  </a:lnTo>
                  <a:lnTo>
                    <a:pt x="17299" y="2174"/>
                  </a:lnTo>
                  <a:lnTo>
                    <a:pt x="16680" y="1740"/>
                  </a:lnTo>
                  <a:lnTo>
                    <a:pt x="16031" y="1349"/>
                  </a:lnTo>
                  <a:lnTo>
                    <a:pt x="15353" y="1004"/>
                  </a:lnTo>
                  <a:lnTo>
                    <a:pt x="14648" y="706"/>
                  </a:lnTo>
                  <a:lnTo>
                    <a:pt x="13919" y="457"/>
                  </a:lnTo>
                  <a:lnTo>
                    <a:pt x="13167" y="260"/>
                  </a:lnTo>
                  <a:lnTo>
                    <a:pt x="12395" y="117"/>
                  </a:lnTo>
                  <a:lnTo>
                    <a:pt x="11606" y="30"/>
                  </a:lnTo>
                  <a:lnTo>
                    <a:pt x="10799" y="0"/>
                  </a:lnTo>
                  <a:close/>
                </a:path>
              </a:pathLst>
            </a:custGeom>
            <a:solidFill>
              <a:srgbClr val="0049B4"/>
            </a:solidFill>
            <a:ln w="12700" cap="flat">
              <a:noFill/>
              <a:miter lim="400000"/>
            </a:ln>
            <a:effectLst/>
          </p:spPr>
          <p:txBody>
            <a:bodyPr wrap="square" lIns="45718" tIns="45718" rIns="45718" bIns="45718" numCol="1" anchor="t">
              <a:noAutofit/>
            </a:bodyPr>
            <a:lstStyle/>
            <a:p>
              <a:pPr>
                <a:defRPr sz="800">
                  <a:latin typeface="+mj-lt"/>
                  <a:ea typeface="+mj-ea"/>
                  <a:cs typeface="+mj-cs"/>
                  <a:sym typeface="Calibri"/>
                </a:defRPr>
              </a:pPr>
              <a:endParaRPr sz="840"/>
            </a:p>
          </p:txBody>
        </p:sp>
        <p:sp>
          <p:nvSpPr>
            <p:cNvPr id="202" name="object 24"/>
            <p:cNvSpPr/>
            <p:nvPr/>
          </p:nvSpPr>
          <p:spPr>
            <a:xfrm>
              <a:off x="1678959" y="2942780"/>
              <a:ext cx="399457" cy="399446"/>
            </a:xfrm>
            <a:custGeom>
              <a:avLst/>
              <a:gdLst/>
              <a:ahLst/>
              <a:cxnLst>
                <a:cxn ang="0">
                  <a:pos x="wd2" y="hd2"/>
                </a:cxn>
                <a:cxn ang="5400000">
                  <a:pos x="wd2" y="hd2"/>
                </a:cxn>
                <a:cxn ang="10800000">
                  <a:pos x="wd2" y="hd2"/>
                </a:cxn>
                <a:cxn ang="16200000">
                  <a:pos x="wd2" y="hd2"/>
                </a:cxn>
              </a:cxnLst>
              <a:rect l="0" t="0" r="r" b="b"/>
              <a:pathLst>
                <a:path w="21600" h="21600" extrusionOk="0">
                  <a:moveTo>
                    <a:pt x="10800" y="0"/>
                  </a:moveTo>
                  <a:lnTo>
                    <a:pt x="9994" y="30"/>
                  </a:lnTo>
                  <a:lnTo>
                    <a:pt x="9205" y="117"/>
                  </a:lnTo>
                  <a:lnTo>
                    <a:pt x="8433" y="260"/>
                  </a:lnTo>
                  <a:lnTo>
                    <a:pt x="7681" y="457"/>
                  </a:lnTo>
                  <a:lnTo>
                    <a:pt x="6952" y="706"/>
                  </a:lnTo>
                  <a:lnTo>
                    <a:pt x="6247" y="1004"/>
                  </a:lnTo>
                  <a:lnTo>
                    <a:pt x="5569" y="1349"/>
                  </a:lnTo>
                  <a:lnTo>
                    <a:pt x="4920" y="1740"/>
                  </a:lnTo>
                  <a:lnTo>
                    <a:pt x="4301" y="2174"/>
                  </a:lnTo>
                  <a:lnTo>
                    <a:pt x="3715" y="2649"/>
                  </a:lnTo>
                  <a:lnTo>
                    <a:pt x="3164" y="3163"/>
                  </a:lnTo>
                  <a:lnTo>
                    <a:pt x="2649" y="3714"/>
                  </a:lnTo>
                  <a:lnTo>
                    <a:pt x="2174" y="4300"/>
                  </a:lnTo>
                  <a:lnTo>
                    <a:pt x="1740" y="4919"/>
                  </a:lnTo>
                  <a:lnTo>
                    <a:pt x="1349" y="5568"/>
                  </a:lnTo>
                  <a:lnTo>
                    <a:pt x="1004" y="6247"/>
                  </a:lnTo>
                  <a:lnTo>
                    <a:pt x="706" y="6951"/>
                  </a:lnTo>
                  <a:lnTo>
                    <a:pt x="457" y="7680"/>
                  </a:lnTo>
                  <a:lnTo>
                    <a:pt x="260" y="8432"/>
                  </a:lnTo>
                  <a:lnTo>
                    <a:pt x="117" y="9204"/>
                  </a:lnTo>
                  <a:lnTo>
                    <a:pt x="30" y="9993"/>
                  </a:lnTo>
                  <a:lnTo>
                    <a:pt x="0" y="10799"/>
                  </a:lnTo>
                  <a:lnTo>
                    <a:pt x="30" y="11606"/>
                  </a:lnTo>
                  <a:lnTo>
                    <a:pt x="117" y="12395"/>
                  </a:lnTo>
                  <a:lnTo>
                    <a:pt x="260" y="13167"/>
                  </a:lnTo>
                  <a:lnTo>
                    <a:pt x="457" y="13919"/>
                  </a:lnTo>
                  <a:lnTo>
                    <a:pt x="706" y="14648"/>
                  </a:lnTo>
                  <a:lnTo>
                    <a:pt x="1004" y="15353"/>
                  </a:lnTo>
                  <a:lnTo>
                    <a:pt x="1349" y="16031"/>
                  </a:lnTo>
                  <a:lnTo>
                    <a:pt x="1740" y="16680"/>
                  </a:lnTo>
                  <a:lnTo>
                    <a:pt x="2174" y="17299"/>
                  </a:lnTo>
                  <a:lnTo>
                    <a:pt x="2649" y="17885"/>
                  </a:lnTo>
                  <a:lnTo>
                    <a:pt x="3164" y="18436"/>
                  </a:lnTo>
                  <a:lnTo>
                    <a:pt x="3715" y="18951"/>
                  </a:lnTo>
                  <a:lnTo>
                    <a:pt x="4301" y="19426"/>
                  </a:lnTo>
                  <a:lnTo>
                    <a:pt x="4920" y="19860"/>
                  </a:lnTo>
                  <a:lnTo>
                    <a:pt x="5569" y="20251"/>
                  </a:lnTo>
                  <a:lnTo>
                    <a:pt x="6247" y="20596"/>
                  </a:lnTo>
                  <a:lnTo>
                    <a:pt x="6952" y="20894"/>
                  </a:lnTo>
                  <a:lnTo>
                    <a:pt x="7681" y="21143"/>
                  </a:lnTo>
                  <a:lnTo>
                    <a:pt x="8433" y="21340"/>
                  </a:lnTo>
                  <a:lnTo>
                    <a:pt x="9205" y="21483"/>
                  </a:lnTo>
                  <a:lnTo>
                    <a:pt x="9994" y="21570"/>
                  </a:lnTo>
                  <a:lnTo>
                    <a:pt x="10800" y="21600"/>
                  </a:lnTo>
                  <a:lnTo>
                    <a:pt x="11606" y="21570"/>
                  </a:lnTo>
                  <a:lnTo>
                    <a:pt x="12396" y="21483"/>
                  </a:lnTo>
                  <a:lnTo>
                    <a:pt x="13168" y="21340"/>
                  </a:lnTo>
                  <a:lnTo>
                    <a:pt x="13920" y="21143"/>
                  </a:lnTo>
                  <a:lnTo>
                    <a:pt x="14649" y="20894"/>
                  </a:lnTo>
                  <a:lnTo>
                    <a:pt x="15353" y="20596"/>
                  </a:lnTo>
                  <a:lnTo>
                    <a:pt x="16032" y="20251"/>
                  </a:lnTo>
                  <a:lnTo>
                    <a:pt x="16681" y="19860"/>
                  </a:lnTo>
                  <a:lnTo>
                    <a:pt x="17300" y="19426"/>
                  </a:lnTo>
                  <a:lnTo>
                    <a:pt x="17886" y="18951"/>
                  </a:lnTo>
                  <a:lnTo>
                    <a:pt x="18437" y="18436"/>
                  </a:lnTo>
                  <a:lnTo>
                    <a:pt x="18951" y="17885"/>
                  </a:lnTo>
                  <a:lnTo>
                    <a:pt x="19426" y="17299"/>
                  </a:lnTo>
                  <a:lnTo>
                    <a:pt x="19860" y="16680"/>
                  </a:lnTo>
                  <a:lnTo>
                    <a:pt x="20251" y="16031"/>
                  </a:lnTo>
                  <a:lnTo>
                    <a:pt x="20596" y="15353"/>
                  </a:lnTo>
                  <a:lnTo>
                    <a:pt x="20894" y="14648"/>
                  </a:lnTo>
                  <a:lnTo>
                    <a:pt x="21143" y="13919"/>
                  </a:lnTo>
                  <a:lnTo>
                    <a:pt x="21340" y="13167"/>
                  </a:lnTo>
                  <a:lnTo>
                    <a:pt x="21483" y="12395"/>
                  </a:lnTo>
                  <a:lnTo>
                    <a:pt x="21570" y="11606"/>
                  </a:lnTo>
                  <a:lnTo>
                    <a:pt x="21600" y="10799"/>
                  </a:lnTo>
                  <a:lnTo>
                    <a:pt x="21570" y="9993"/>
                  </a:lnTo>
                  <a:lnTo>
                    <a:pt x="21483" y="9204"/>
                  </a:lnTo>
                  <a:lnTo>
                    <a:pt x="21340" y="8432"/>
                  </a:lnTo>
                  <a:lnTo>
                    <a:pt x="21143" y="7680"/>
                  </a:lnTo>
                  <a:lnTo>
                    <a:pt x="20894" y="6951"/>
                  </a:lnTo>
                  <a:lnTo>
                    <a:pt x="20596" y="6247"/>
                  </a:lnTo>
                  <a:lnTo>
                    <a:pt x="20251" y="5568"/>
                  </a:lnTo>
                  <a:lnTo>
                    <a:pt x="19860" y="4919"/>
                  </a:lnTo>
                  <a:lnTo>
                    <a:pt x="19426" y="4300"/>
                  </a:lnTo>
                  <a:lnTo>
                    <a:pt x="18951" y="3714"/>
                  </a:lnTo>
                  <a:lnTo>
                    <a:pt x="18437" y="3163"/>
                  </a:lnTo>
                  <a:lnTo>
                    <a:pt x="17886" y="2649"/>
                  </a:lnTo>
                  <a:lnTo>
                    <a:pt x="17300" y="2174"/>
                  </a:lnTo>
                  <a:lnTo>
                    <a:pt x="16681" y="1740"/>
                  </a:lnTo>
                  <a:lnTo>
                    <a:pt x="16032" y="1349"/>
                  </a:lnTo>
                  <a:lnTo>
                    <a:pt x="15353" y="1004"/>
                  </a:lnTo>
                  <a:lnTo>
                    <a:pt x="14649" y="706"/>
                  </a:lnTo>
                  <a:lnTo>
                    <a:pt x="13920" y="457"/>
                  </a:lnTo>
                  <a:lnTo>
                    <a:pt x="13168" y="260"/>
                  </a:lnTo>
                  <a:lnTo>
                    <a:pt x="12396" y="117"/>
                  </a:lnTo>
                  <a:lnTo>
                    <a:pt x="11606" y="30"/>
                  </a:lnTo>
                  <a:lnTo>
                    <a:pt x="10800" y="0"/>
                  </a:lnTo>
                  <a:close/>
                </a:path>
              </a:pathLst>
            </a:custGeom>
            <a:solidFill>
              <a:srgbClr val="009546"/>
            </a:solidFill>
            <a:ln w="12700" cap="flat">
              <a:noFill/>
              <a:miter lim="400000"/>
            </a:ln>
            <a:effectLst/>
          </p:spPr>
          <p:txBody>
            <a:bodyPr wrap="square" lIns="45718" tIns="45718" rIns="45718" bIns="45718" numCol="1" anchor="t">
              <a:noAutofit/>
            </a:bodyPr>
            <a:lstStyle/>
            <a:p>
              <a:pPr>
                <a:defRPr sz="800">
                  <a:latin typeface="+mj-lt"/>
                  <a:ea typeface="+mj-ea"/>
                  <a:cs typeface="+mj-cs"/>
                  <a:sym typeface="Calibri"/>
                </a:defRPr>
              </a:pPr>
              <a:endParaRPr sz="840"/>
            </a:p>
          </p:txBody>
        </p:sp>
        <p:sp>
          <p:nvSpPr>
            <p:cNvPr id="203" name="object 25"/>
            <p:cNvSpPr/>
            <p:nvPr/>
          </p:nvSpPr>
          <p:spPr>
            <a:xfrm>
              <a:off x="0" y="2387215"/>
              <a:ext cx="399457" cy="399446"/>
            </a:xfrm>
            <a:custGeom>
              <a:avLst/>
              <a:gdLst/>
              <a:ahLst/>
              <a:cxnLst>
                <a:cxn ang="0">
                  <a:pos x="wd2" y="hd2"/>
                </a:cxn>
                <a:cxn ang="5400000">
                  <a:pos x="wd2" y="hd2"/>
                </a:cxn>
                <a:cxn ang="10800000">
                  <a:pos x="wd2" y="hd2"/>
                </a:cxn>
                <a:cxn ang="16200000">
                  <a:pos x="wd2" y="hd2"/>
                </a:cxn>
              </a:cxnLst>
              <a:rect l="0" t="0" r="r" b="b"/>
              <a:pathLst>
                <a:path w="21600" h="21600" extrusionOk="0">
                  <a:moveTo>
                    <a:pt x="10800" y="0"/>
                  </a:moveTo>
                  <a:lnTo>
                    <a:pt x="9994" y="30"/>
                  </a:lnTo>
                  <a:lnTo>
                    <a:pt x="9204" y="117"/>
                  </a:lnTo>
                  <a:lnTo>
                    <a:pt x="8432" y="260"/>
                  </a:lnTo>
                  <a:lnTo>
                    <a:pt x="7681" y="457"/>
                  </a:lnTo>
                  <a:lnTo>
                    <a:pt x="6952" y="706"/>
                  </a:lnTo>
                  <a:lnTo>
                    <a:pt x="6247" y="1004"/>
                  </a:lnTo>
                  <a:lnTo>
                    <a:pt x="5569" y="1349"/>
                  </a:lnTo>
                  <a:lnTo>
                    <a:pt x="4919" y="1740"/>
                  </a:lnTo>
                  <a:lnTo>
                    <a:pt x="4300" y="2174"/>
                  </a:lnTo>
                  <a:lnTo>
                    <a:pt x="3714" y="2649"/>
                  </a:lnTo>
                  <a:lnTo>
                    <a:pt x="3163" y="3163"/>
                  </a:lnTo>
                  <a:lnTo>
                    <a:pt x="2649" y="3714"/>
                  </a:lnTo>
                  <a:lnTo>
                    <a:pt x="2174" y="4300"/>
                  </a:lnTo>
                  <a:lnTo>
                    <a:pt x="1740" y="4919"/>
                  </a:lnTo>
                  <a:lnTo>
                    <a:pt x="1349" y="5568"/>
                  </a:lnTo>
                  <a:lnTo>
                    <a:pt x="1004" y="6247"/>
                  </a:lnTo>
                  <a:lnTo>
                    <a:pt x="706" y="6951"/>
                  </a:lnTo>
                  <a:lnTo>
                    <a:pt x="457" y="7680"/>
                  </a:lnTo>
                  <a:lnTo>
                    <a:pt x="260" y="8432"/>
                  </a:lnTo>
                  <a:lnTo>
                    <a:pt x="117" y="9204"/>
                  </a:lnTo>
                  <a:lnTo>
                    <a:pt x="30" y="9993"/>
                  </a:lnTo>
                  <a:lnTo>
                    <a:pt x="0" y="10799"/>
                  </a:lnTo>
                  <a:lnTo>
                    <a:pt x="30" y="11606"/>
                  </a:lnTo>
                  <a:lnTo>
                    <a:pt x="117" y="12395"/>
                  </a:lnTo>
                  <a:lnTo>
                    <a:pt x="260" y="13167"/>
                  </a:lnTo>
                  <a:lnTo>
                    <a:pt x="457" y="13919"/>
                  </a:lnTo>
                  <a:lnTo>
                    <a:pt x="706" y="14648"/>
                  </a:lnTo>
                  <a:lnTo>
                    <a:pt x="1004" y="15353"/>
                  </a:lnTo>
                  <a:lnTo>
                    <a:pt x="1349" y="16031"/>
                  </a:lnTo>
                  <a:lnTo>
                    <a:pt x="1740" y="16680"/>
                  </a:lnTo>
                  <a:lnTo>
                    <a:pt x="2174" y="17299"/>
                  </a:lnTo>
                  <a:lnTo>
                    <a:pt x="2649" y="17885"/>
                  </a:lnTo>
                  <a:lnTo>
                    <a:pt x="3163" y="18436"/>
                  </a:lnTo>
                  <a:lnTo>
                    <a:pt x="3714" y="18951"/>
                  </a:lnTo>
                  <a:lnTo>
                    <a:pt x="4300" y="19426"/>
                  </a:lnTo>
                  <a:lnTo>
                    <a:pt x="4919" y="19860"/>
                  </a:lnTo>
                  <a:lnTo>
                    <a:pt x="5569" y="20251"/>
                  </a:lnTo>
                  <a:lnTo>
                    <a:pt x="6247" y="20596"/>
                  </a:lnTo>
                  <a:lnTo>
                    <a:pt x="6952" y="20894"/>
                  </a:lnTo>
                  <a:lnTo>
                    <a:pt x="7681" y="21143"/>
                  </a:lnTo>
                  <a:lnTo>
                    <a:pt x="8432" y="21340"/>
                  </a:lnTo>
                  <a:lnTo>
                    <a:pt x="9204" y="21483"/>
                  </a:lnTo>
                  <a:lnTo>
                    <a:pt x="9994" y="21570"/>
                  </a:lnTo>
                  <a:lnTo>
                    <a:pt x="10800" y="21600"/>
                  </a:lnTo>
                  <a:lnTo>
                    <a:pt x="11606" y="21570"/>
                  </a:lnTo>
                  <a:lnTo>
                    <a:pt x="12396" y="21483"/>
                  </a:lnTo>
                  <a:lnTo>
                    <a:pt x="13168" y="21340"/>
                  </a:lnTo>
                  <a:lnTo>
                    <a:pt x="13919" y="21143"/>
                  </a:lnTo>
                  <a:lnTo>
                    <a:pt x="14648" y="20894"/>
                  </a:lnTo>
                  <a:lnTo>
                    <a:pt x="15353" y="20596"/>
                  </a:lnTo>
                  <a:lnTo>
                    <a:pt x="16031" y="20251"/>
                  </a:lnTo>
                  <a:lnTo>
                    <a:pt x="16681" y="19860"/>
                  </a:lnTo>
                  <a:lnTo>
                    <a:pt x="17300" y="19426"/>
                  </a:lnTo>
                  <a:lnTo>
                    <a:pt x="17886" y="18951"/>
                  </a:lnTo>
                  <a:lnTo>
                    <a:pt x="18437" y="18436"/>
                  </a:lnTo>
                  <a:lnTo>
                    <a:pt x="18951" y="17885"/>
                  </a:lnTo>
                  <a:lnTo>
                    <a:pt x="19426" y="17299"/>
                  </a:lnTo>
                  <a:lnTo>
                    <a:pt x="19860" y="16680"/>
                  </a:lnTo>
                  <a:lnTo>
                    <a:pt x="20251" y="16031"/>
                  </a:lnTo>
                  <a:lnTo>
                    <a:pt x="20596" y="15353"/>
                  </a:lnTo>
                  <a:lnTo>
                    <a:pt x="20894" y="14648"/>
                  </a:lnTo>
                  <a:lnTo>
                    <a:pt x="21143" y="13919"/>
                  </a:lnTo>
                  <a:lnTo>
                    <a:pt x="21340" y="13167"/>
                  </a:lnTo>
                  <a:lnTo>
                    <a:pt x="21483" y="12395"/>
                  </a:lnTo>
                  <a:lnTo>
                    <a:pt x="21570" y="11606"/>
                  </a:lnTo>
                  <a:lnTo>
                    <a:pt x="21600" y="10799"/>
                  </a:lnTo>
                  <a:lnTo>
                    <a:pt x="21570" y="9993"/>
                  </a:lnTo>
                  <a:lnTo>
                    <a:pt x="21483" y="9204"/>
                  </a:lnTo>
                  <a:lnTo>
                    <a:pt x="21340" y="8432"/>
                  </a:lnTo>
                  <a:lnTo>
                    <a:pt x="21143" y="7680"/>
                  </a:lnTo>
                  <a:lnTo>
                    <a:pt x="20894" y="6951"/>
                  </a:lnTo>
                  <a:lnTo>
                    <a:pt x="20596" y="6247"/>
                  </a:lnTo>
                  <a:lnTo>
                    <a:pt x="20251" y="5568"/>
                  </a:lnTo>
                  <a:lnTo>
                    <a:pt x="19860" y="4919"/>
                  </a:lnTo>
                  <a:lnTo>
                    <a:pt x="19426" y="4300"/>
                  </a:lnTo>
                  <a:lnTo>
                    <a:pt x="18951" y="3714"/>
                  </a:lnTo>
                  <a:lnTo>
                    <a:pt x="18437" y="3163"/>
                  </a:lnTo>
                  <a:lnTo>
                    <a:pt x="17886" y="2649"/>
                  </a:lnTo>
                  <a:lnTo>
                    <a:pt x="17300" y="2174"/>
                  </a:lnTo>
                  <a:lnTo>
                    <a:pt x="16681" y="1740"/>
                  </a:lnTo>
                  <a:lnTo>
                    <a:pt x="16031" y="1349"/>
                  </a:lnTo>
                  <a:lnTo>
                    <a:pt x="15353" y="1004"/>
                  </a:lnTo>
                  <a:lnTo>
                    <a:pt x="14648" y="706"/>
                  </a:lnTo>
                  <a:lnTo>
                    <a:pt x="13919" y="457"/>
                  </a:lnTo>
                  <a:lnTo>
                    <a:pt x="13168" y="260"/>
                  </a:lnTo>
                  <a:lnTo>
                    <a:pt x="12396" y="117"/>
                  </a:lnTo>
                  <a:lnTo>
                    <a:pt x="11606" y="30"/>
                  </a:lnTo>
                  <a:lnTo>
                    <a:pt x="10800" y="0"/>
                  </a:lnTo>
                  <a:close/>
                </a:path>
              </a:pathLst>
            </a:custGeom>
            <a:solidFill>
              <a:srgbClr val="E6CD73"/>
            </a:solidFill>
            <a:ln w="12700" cap="flat">
              <a:noFill/>
              <a:miter lim="400000"/>
            </a:ln>
            <a:effectLst/>
          </p:spPr>
          <p:txBody>
            <a:bodyPr wrap="square" lIns="45718" tIns="45718" rIns="45718" bIns="45718" numCol="1" anchor="t">
              <a:noAutofit/>
            </a:bodyPr>
            <a:lstStyle/>
            <a:p>
              <a:pPr>
                <a:defRPr sz="800">
                  <a:latin typeface="+mj-lt"/>
                  <a:ea typeface="+mj-ea"/>
                  <a:cs typeface="+mj-cs"/>
                  <a:sym typeface="Calibri"/>
                </a:defRPr>
              </a:pPr>
              <a:endParaRPr sz="840"/>
            </a:p>
          </p:txBody>
        </p:sp>
        <p:sp>
          <p:nvSpPr>
            <p:cNvPr id="204" name="object 26"/>
            <p:cNvSpPr/>
            <p:nvPr/>
          </p:nvSpPr>
          <p:spPr>
            <a:xfrm>
              <a:off x="0" y="2942780"/>
              <a:ext cx="399455" cy="399446"/>
            </a:xfrm>
            <a:custGeom>
              <a:avLst/>
              <a:gdLst/>
              <a:ahLst/>
              <a:cxnLst>
                <a:cxn ang="0">
                  <a:pos x="wd2" y="hd2"/>
                </a:cxn>
                <a:cxn ang="5400000">
                  <a:pos x="wd2" y="hd2"/>
                </a:cxn>
                <a:cxn ang="10800000">
                  <a:pos x="wd2" y="hd2"/>
                </a:cxn>
                <a:cxn ang="16200000">
                  <a:pos x="wd2" y="hd2"/>
                </a:cxn>
              </a:cxnLst>
              <a:rect l="0" t="0" r="r" b="b"/>
              <a:pathLst>
                <a:path w="21600" h="21600" extrusionOk="0">
                  <a:moveTo>
                    <a:pt x="10800" y="0"/>
                  </a:moveTo>
                  <a:lnTo>
                    <a:pt x="9994" y="30"/>
                  </a:lnTo>
                  <a:lnTo>
                    <a:pt x="9204" y="117"/>
                  </a:lnTo>
                  <a:lnTo>
                    <a:pt x="8432" y="260"/>
                  </a:lnTo>
                  <a:lnTo>
                    <a:pt x="7681" y="457"/>
                  </a:lnTo>
                  <a:lnTo>
                    <a:pt x="6952" y="706"/>
                  </a:lnTo>
                  <a:lnTo>
                    <a:pt x="6247" y="1004"/>
                  </a:lnTo>
                  <a:lnTo>
                    <a:pt x="5569" y="1349"/>
                  </a:lnTo>
                  <a:lnTo>
                    <a:pt x="4919" y="1740"/>
                  </a:lnTo>
                  <a:lnTo>
                    <a:pt x="4300" y="2174"/>
                  </a:lnTo>
                  <a:lnTo>
                    <a:pt x="3714" y="2649"/>
                  </a:lnTo>
                  <a:lnTo>
                    <a:pt x="3163" y="3163"/>
                  </a:lnTo>
                  <a:lnTo>
                    <a:pt x="2649" y="3714"/>
                  </a:lnTo>
                  <a:lnTo>
                    <a:pt x="2174" y="4300"/>
                  </a:lnTo>
                  <a:lnTo>
                    <a:pt x="1740" y="4919"/>
                  </a:lnTo>
                  <a:lnTo>
                    <a:pt x="1349" y="5568"/>
                  </a:lnTo>
                  <a:lnTo>
                    <a:pt x="1004" y="6247"/>
                  </a:lnTo>
                  <a:lnTo>
                    <a:pt x="706" y="6951"/>
                  </a:lnTo>
                  <a:lnTo>
                    <a:pt x="457" y="7680"/>
                  </a:lnTo>
                  <a:lnTo>
                    <a:pt x="260" y="8432"/>
                  </a:lnTo>
                  <a:lnTo>
                    <a:pt x="117" y="9204"/>
                  </a:lnTo>
                  <a:lnTo>
                    <a:pt x="30" y="9993"/>
                  </a:lnTo>
                  <a:lnTo>
                    <a:pt x="0" y="10799"/>
                  </a:lnTo>
                  <a:lnTo>
                    <a:pt x="30" y="11606"/>
                  </a:lnTo>
                  <a:lnTo>
                    <a:pt x="117" y="12395"/>
                  </a:lnTo>
                  <a:lnTo>
                    <a:pt x="260" y="13167"/>
                  </a:lnTo>
                  <a:lnTo>
                    <a:pt x="457" y="13919"/>
                  </a:lnTo>
                  <a:lnTo>
                    <a:pt x="706" y="14648"/>
                  </a:lnTo>
                  <a:lnTo>
                    <a:pt x="1004" y="15353"/>
                  </a:lnTo>
                  <a:lnTo>
                    <a:pt x="1349" y="16031"/>
                  </a:lnTo>
                  <a:lnTo>
                    <a:pt x="1740" y="16680"/>
                  </a:lnTo>
                  <a:lnTo>
                    <a:pt x="2174" y="17299"/>
                  </a:lnTo>
                  <a:lnTo>
                    <a:pt x="2649" y="17885"/>
                  </a:lnTo>
                  <a:lnTo>
                    <a:pt x="3163" y="18436"/>
                  </a:lnTo>
                  <a:lnTo>
                    <a:pt x="3714" y="18951"/>
                  </a:lnTo>
                  <a:lnTo>
                    <a:pt x="4300" y="19426"/>
                  </a:lnTo>
                  <a:lnTo>
                    <a:pt x="4919" y="19860"/>
                  </a:lnTo>
                  <a:lnTo>
                    <a:pt x="5569" y="20251"/>
                  </a:lnTo>
                  <a:lnTo>
                    <a:pt x="6247" y="20596"/>
                  </a:lnTo>
                  <a:lnTo>
                    <a:pt x="6952" y="20894"/>
                  </a:lnTo>
                  <a:lnTo>
                    <a:pt x="7681" y="21143"/>
                  </a:lnTo>
                  <a:lnTo>
                    <a:pt x="8432" y="21340"/>
                  </a:lnTo>
                  <a:lnTo>
                    <a:pt x="9204" y="21483"/>
                  </a:lnTo>
                  <a:lnTo>
                    <a:pt x="9994" y="21570"/>
                  </a:lnTo>
                  <a:lnTo>
                    <a:pt x="10800" y="21600"/>
                  </a:lnTo>
                  <a:lnTo>
                    <a:pt x="11606" y="21570"/>
                  </a:lnTo>
                  <a:lnTo>
                    <a:pt x="12396" y="21483"/>
                  </a:lnTo>
                  <a:lnTo>
                    <a:pt x="13168" y="21340"/>
                  </a:lnTo>
                  <a:lnTo>
                    <a:pt x="13919" y="21143"/>
                  </a:lnTo>
                  <a:lnTo>
                    <a:pt x="14648" y="20894"/>
                  </a:lnTo>
                  <a:lnTo>
                    <a:pt x="15353" y="20596"/>
                  </a:lnTo>
                  <a:lnTo>
                    <a:pt x="16031" y="20251"/>
                  </a:lnTo>
                  <a:lnTo>
                    <a:pt x="16681" y="19860"/>
                  </a:lnTo>
                  <a:lnTo>
                    <a:pt x="17300" y="19426"/>
                  </a:lnTo>
                  <a:lnTo>
                    <a:pt x="17886" y="18951"/>
                  </a:lnTo>
                  <a:lnTo>
                    <a:pt x="18437" y="18436"/>
                  </a:lnTo>
                  <a:lnTo>
                    <a:pt x="18951" y="17885"/>
                  </a:lnTo>
                  <a:lnTo>
                    <a:pt x="19426" y="17299"/>
                  </a:lnTo>
                  <a:lnTo>
                    <a:pt x="19860" y="16680"/>
                  </a:lnTo>
                  <a:lnTo>
                    <a:pt x="20251" y="16031"/>
                  </a:lnTo>
                  <a:lnTo>
                    <a:pt x="20596" y="15353"/>
                  </a:lnTo>
                  <a:lnTo>
                    <a:pt x="20894" y="14648"/>
                  </a:lnTo>
                  <a:lnTo>
                    <a:pt x="21143" y="13919"/>
                  </a:lnTo>
                  <a:lnTo>
                    <a:pt x="21340" y="13167"/>
                  </a:lnTo>
                  <a:lnTo>
                    <a:pt x="21483" y="12395"/>
                  </a:lnTo>
                  <a:lnTo>
                    <a:pt x="21570" y="11606"/>
                  </a:lnTo>
                  <a:lnTo>
                    <a:pt x="21600" y="10799"/>
                  </a:lnTo>
                  <a:lnTo>
                    <a:pt x="21570" y="9993"/>
                  </a:lnTo>
                  <a:lnTo>
                    <a:pt x="21483" y="9204"/>
                  </a:lnTo>
                  <a:lnTo>
                    <a:pt x="21340" y="8432"/>
                  </a:lnTo>
                  <a:lnTo>
                    <a:pt x="21143" y="7680"/>
                  </a:lnTo>
                  <a:lnTo>
                    <a:pt x="20894" y="6951"/>
                  </a:lnTo>
                  <a:lnTo>
                    <a:pt x="20596" y="6247"/>
                  </a:lnTo>
                  <a:lnTo>
                    <a:pt x="20251" y="5568"/>
                  </a:lnTo>
                  <a:lnTo>
                    <a:pt x="19860" y="4919"/>
                  </a:lnTo>
                  <a:lnTo>
                    <a:pt x="19426" y="4300"/>
                  </a:lnTo>
                  <a:lnTo>
                    <a:pt x="18951" y="3714"/>
                  </a:lnTo>
                  <a:lnTo>
                    <a:pt x="18437" y="3163"/>
                  </a:lnTo>
                  <a:lnTo>
                    <a:pt x="17886" y="2649"/>
                  </a:lnTo>
                  <a:lnTo>
                    <a:pt x="17300" y="2174"/>
                  </a:lnTo>
                  <a:lnTo>
                    <a:pt x="16681" y="1740"/>
                  </a:lnTo>
                  <a:lnTo>
                    <a:pt x="16031" y="1349"/>
                  </a:lnTo>
                  <a:lnTo>
                    <a:pt x="15353" y="1004"/>
                  </a:lnTo>
                  <a:lnTo>
                    <a:pt x="14648" y="706"/>
                  </a:lnTo>
                  <a:lnTo>
                    <a:pt x="13919" y="457"/>
                  </a:lnTo>
                  <a:lnTo>
                    <a:pt x="13168" y="260"/>
                  </a:lnTo>
                  <a:lnTo>
                    <a:pt x="12396" y="117"/>
                  </a:lnTo>
                  <a:lnTo>
                    <a:pt x="11606" y="30"/>
                  </a:lnTo>
                  <a:lnTo>
                    <a:pt x="10800" y="0"/>
                  </a:lnTo>
                  <a:close/>
                </a:path>
              </a:pathLst>
            </a:custGeom>
            <a:solidFill>
              <a:srgbClr val="9FD2EF"/>
            </a:solidFill>
            <a:ln w="12700" cap="flat">
              <a:noFill/>
              <a:miter lim="400000"/>
            </a:ln>
            <a:effectLst/>
          </p:spPr>
          <p:txBody>
            <a:bodyPr wrap="square" lIns="45718" tIns="45718" rIns="45718" bIns="45718" numCol="1" anchor="t">
              <a:noAutofit/>
            </a:bodyPr>
            <a:lstStyle/>
            <a:p>
              <a:pPr>
                <a:defRPr sz="800">
                  <a:latin typeface="+mj-lt"/>
                  <a:ea typeface="+mj-ea"/>
                  <a:cs typeface="+mj-cs"/>
                  <a:sym typeface="Calibri"/>
                </a:defRPr>
              </a:pPr>
              <a:endParaRPr sz="840"/>
            </a:p>
          </p:txBody>
        </p:sp>
        <p:sp>
          <p:nvSpPr>
            <p:cNvPr id="205" name="object 27"/>
            <p:cNvSpPr/>
            <p:nvPr/>
          </p:nvSpPr>
          <p:spPr>
            <a:xfrm>
              <a:off x="0" y="1836538"/>
              <a:ext cx="399460" cy="399446"/>
            </a:xfrm>
            <a:custGeom>
              <a:avLst/>
              <a:gdLst/>
              <a:ahLst/>
              <a:cxnLst>
                <a:cxn ang="0">
                  <a:pos x="wd2" y="hd2"/>
                </a:cxn>
                <a:cxn ang="5400000">
                  <a:pos x="wd2" y="hd2"/>
                </a:cxn>
                <a:cxn ang="10800000">
                  <a:pos x="wd2" y="hd2"/>
                </a:cxn>
                <a:cxn ang="16200000">
                  <a:pos x="wd2" y="hd2"/>
                </a:cxn>
              </a:cxnLst>
              <a:rect l="0" t="0" r="r" b="b"/>
              <a:pathLst>
                <a:path w="21600" h="21600" extrusionOk="0">
                  <a:moveTo>
                    <a:pt x="10800" y="0"/>
                  </a:moveTo>
                  <a:lnTo>
                    <a:pt x="9994" y="30"/>
                  </a:lnTo>
                  <a:lnTo>
                    <a:pt x="9204" y="117"/>
                  </a:lnTo>
                  <a:lnTo>
                    <a:pt x="8432" y="260"/>
                  </a:lnTo>
                  <a:lnTo>
                    <a:pt x="7681" y="457"/>
                  </a:lnTo>
                  <a:lnTo>
                    <a:pt x="6952" y="706"/>
                  </a:lnTo>
                  <a:lnTo>
                    <a:pt x="6247" y="1004"/>
                  </a:lnTo>
                  <a:lnTo>
                    <a:pt x="5569" y="1349"/>
                  </a:lnTo>
                  <a:lnTo>
                    <a:pt x="4919" y="1740"/>
                  </a:lnTo>
                  <a:lnTo>
                    <a:pt x="4301" y="2174"/>
                  </a:lnTo>
                  <a:lnTo>
                    <a:pt x="3715" y="2649"/>
                  </a:lnTo>
                  <a:lnTo>
                    <a:pt x="3163" y="3164"/>
                  </a:lnTo>
                  <a:lnTo>
                    <a:pt x="2649" y="3715"/>
                  </a:lnTo>
                  <a:lnTo>
                    <a:pt x="2174" y="4301"/>
                  </a:lnTo>
                  <a:lnTo>
                    <a:pt x="1740" y="4920"/>
                  </a:lnTo>
                  <a:lnTo>
                    <a:pt x="1349" y="5569"/>
                  </a:lnTo>
                  <a:lnTo>
                    <a:pt x="1004" y="6247"/>
                  </a:lnTo>
                  <a:lnTo>
                    <a:pt x="706" y="6952"/>
                  </a:lnTo>
                  <a:lnTo>
                    <a:pt x="457" y="7681"/>
                  </a:lnTo>
                  <a:lnTo>
                    <a:pt x="260" y="8433"/>
                  </a:lnTo>
                  <a:lnTo>
                    <a:pt x="117" y="9205"/>
                  </a:lnTo>
                  <a:lnTo>
                    <a:pt x="30" y="9994"/>
                  </a:lnTo>
                  <a:lnTo>
                    <a:pt x="0" y="10800"/>
                  </a:lnTo>
                  <a:lnTo>
                    <a:pt x="30" y="11606"/>
                  </a:lnTo>
                  <a:lnTo>
                    <a:pt x="117" y="12396"/>
                  </a:lnTo>
                  <a:lnTo>
                    <a:pt x="260" y="13168"/>
                  </a:lnTo>
                  <a:lnTo>
                    <a:pt x="457" y="13920"/>
                  </a:lnTo>
                  <a:lnTo>
                    <a:pt x="706" y="14649"/>
                  </a:lnTo>
                  <a:lnTo>
                    <a:pt x="1004" y="15353"/>
                  </a:lnTo>
                  <a:lnTo>
                    <a:pt x="1349" y="16032"/>
                  </a:lnTo>
                  <a:lnTo>
                    <a:pt x="1740" y="16681"/>
                  </a:lnTo>
                  <a:lnTo>
                    <a:pt x="2174" y="17300"/>
                  </a:lnTo>
                  <a:lnTo>
                    <a:pt x="2649" y="17886"/>
                  </a:lnTo>
                  <a:lnTo>
                    <a:pt x="3163" y="18437"/>
                  </a:lnTo>
                  <a:lnTo>
                    <a:pt x="3715" y="18951"/>
                  </a:lnTo>
                  <a:lnTo>
                    <a:pt x="4301" y="19426"/>
                  </a:lnTo>
                  <a:lnTo>
                    <a:pt x="4919" y="19860"/>
                  </a:lnTo>
                  <a:lnTo>
                    <a:pt x="5569" y="20251"/>
                  </a:lnTo>
                  <a:lnTo>
                    <a:pt x="6247" y="20596"/>
                  </a:lnTo>
                  <a:lnTo>
                    <a:pt x="6952" y="20894"/>
                  </a:lnTo>
                  <a:lnTo>
                    <a:pt x="7681" y="21143"/>
                  </a:lnTo>
                  <a:lnTo>
                    <a:pt x="8432" y="21340"/>
                  </a:lnTo>
                  <a:lnTo>
                    <a:pt x="9204" y="21483"/>
                  </a:lnTo>
                  <a:lnTo>
                    <a:pt x="9994" y="21570"/>
                  </a:lnTo>
                  <a:lnTo>
                    <a:pt x="10800" y="21600"/>
                  </a:lnTo>
                  <a:lnTo>
                    <a:pt x="11606" y="21570"/>
                  </a:lnTo>
                  <a:lnTo>
                    <a:pt x="12396" y="21483"/>
                  </a:lnTo>
                  <a:lnTo>
                    <a:pt x="13168" y="21340"/>
                  </a:lnTo>
                  <a:lnTo>
                    <a:pt x="13919" y="21143"/>
                  </a:lnTo>
                  <a:lnTo>
                    <a:pt x="14649" y="20894"/>
                  </a:lnTo>
                  <a:lnTo>
                    <a:pt x="15353" y="20596"/>
                  </a:lnTo>
                  <a:lnTo>
                    <a:pt x="16031" y="20251"/>
                  </a:lnTo>
                  <a:lnTo>
                    <a:pt x="16681" y="19860"/>
                  </a:lnTo>
                  <a:lnTo>
                    <a:pt x="17300" y="19426"/>
                  </a:lnTo>
                  <a:lnTo>
                    <a:pt x="17886" y="18951"/>
                  </a:lnTo>
                  <a:lnTo>
                    <a:pt x="18437" y="18437"/>
                  </a:lnTo>
                  <a:lnTo>
                    <a:pt x="18951" y="17886"/>
                  </a:lnTo>
                  <a:lnTo>
                    <a:pt x="19426" y="17300"/>
                  </a:lnTo>
                  <a:lnTo>
                    <a:pt x="19860" y="16681"/>
                  </a:lnTo>
                  <a:lnTo>
                    <a:pt x="20251" y="16032"/>
                  </a:lnTo>
                  <a:lnTo>
                    <a:pt x="20596" y="15353"/>
                  </a:lnTo>
                  <a:lnTo>
                    <a:pt x="20894" y="14649"/>
                  </a:lnTo>
                  <a:lnTo>
                    <a:pt x="21143" y="13920"/>
                  </a:lnTo>
                  <a:lnTo>
                    <a:pt x="21340" y="13168"/>
                  </a:lnTo>
                  <a:lnTo>
                    <a:pt x="21483" y="12396"/>
                  </a:lnTo>
                  <a:lnTo>
                    <a:pt x="21570" y="11606"/>
                  </a:lnTo>
                  <a:lnTo>
                    <a:pt x="21600" y="10800"/>
                  </a:lnTo>
                  <a:lnTo>
                    <a:pt x="21570" y="9994"/>
                  </a:lnTo>
                  <a:lnTo>
                    <a:pt x="21483" y="9205"/>
                  </a:lnTo>
                  <a:lnTo>
                    <a:pt x="21340" y="8433"/>
                  </a:lnTo>
                  <a:lnTo>
                    <a:pt x="21143" y="7681"/>
                  </a:lnTo>
                  <a:lnTo>
                    <a:pt x="20894" y="6952"/>
                  </a:lnTo>
                  <a:lnTo>
                    <a:pt x="20596" y="6247"/>
                  </a:lnTo>
                  <a:lnTo>
                    <a:pt x="20251" y="5569"/>
                  </a:lnTo>
                  <a:lnTo>
                    <a:pt x="19860" y="4920"/>
                  </a:lnTo>
                  <a:lnTo>
                    <a:pt x="19426" y="4301"/>
                  </a:lnTo>
                  <a:lnTo>
                    <a:pt x="18951" y="3715"/>
                  </a:lnTo>
                  <a:lnTo>
                    <a:pt x="18437" y="3164"/>
                  </a:lnTo>
                  <a:lnTo>
                    <a:pt x="17886" y="2649"/>
                  </a:lnTo>
                  <a:lnTo>
                    <a:pt x="17300" y="2174"/>
                  </a:lnTo>
                  <a:lnTo>
                    <a:pt x="16681" y="1740"/>
                  </a:lnTo>
                  <a:lnTo>
                    <a:pt x="16031" y="1349"/>
                  </a:lnTo>
                  <a:lnTo>
                    <a:pt x="15353" y="1004"/>
                  </a:lnTo>
                  <a:lnTo>
                    <a:pt x="14649" y="706"/>
                  </a:lnTo>
                  <a:lnTo>
                    <a:pt x="13919" y="457"/>
                  </a:lnTo>
                  <a:lnTo>
                    <a:pt x="13168" y="260"/>
                  </a:lnTo>
                  <a:lnTo>
                    <a:pt x="12396" y="117"/>
                  </a:lnTo>
                  <a:lnTo>
                    <a:pt x="11606" y="30"/>
                  </a:lnTo>
                  <a:lnTo>
                    <a:pt x="10800" y="0"/>
                  </a:lnTo>
                  <a:close/>
                </a:path>
              </a:pathLst>
            </a:custGeom>
            <a:solidFill>
              <a:srgbClr val="EF461E"/>
            </a:solidFill>
            <a:ln w="12700" cap="flat">
              <a:noFill/>
              <a:miter lim="400000"/>
            </a:ln>
            <a:effectLst/>
          </p:spPr>
          <p:txBody>
            <a:bodyPr wrap="square" lIns="45718" tIns="45718" rIns="45718" bIns="45718" numCol="1" anchor="t">
              <a:noAutofit/>
            </a:bodyPr>
            <a:lstStyle/>
            <a:p>
              <a:pPr>
                <a:defRPr sz="800">
                  <a:latin typeface="+mj-lt"/>
                  <a:ea typeface="+mj-ea"/>
                  <a:cs typeface="+mj-cs"/>
                  <a:sym typeface="Calibri"/>
                </a:defRPr>
              </a:pPr>
              <a:endParaRPr sz="840"/>
            </a:p>
          </p:txBody>
        </p:sp>
        <p:sp>
          <p:nvSpPr>
            <p:cNvPr id="206" name="object 29"/>
            <p:cNvSpPr/>
            <p:nvPr/>
          </p:nvSpPr>
          <p:spPr>
            <a:xfrm>
              <a:off x="1122972" y="4224162"/>
              <a:ext cx="399457" cy="399445"/>
            </a:xfrm>
            <a:custGeom>
              <a:avLst/>
              <a:gdLst/>
              <a:ahLst/>
              <a:cxnLst>
                <a:cxn ang="0">
                  <a:pos x="wd2" y="hd2"/>
                </a:cxn>
                <a:cxn ang="5400000">
                  <a:pos x="wd2" y="hd2"/>
                </a:cxn>
                <a:cxn ang="10800000">
                  <a:pos x="wd2" y="hd2"/>
                </a:cxn>
                <a:cxn ang="16200000">
                  <a:pos x="wd2" y="hd2"/>
                </a:cxn>
              </a:cxnLst>
              <a:rect l="0" t="0" r="r" b="b"/>
              <a:pathLst>
                <a:path w="21600" h="21600" extrusionOk="0">
                  <a:moveTo>
                    <a:pt x="10800" y="0"/>
                  </a:moveTo>
                  <a:lnTo>
                    <a:pt x="9994" y="30"/>
                  </a:lnTo>
                  <a:lnTo>
                    <a:pt x="9205" y="117"/>
                  </a:lnTo>
                  <a:lnTo>
                    <a:pt x="8433" y="260"/>
                  </a:lnTo>
                  <a:lnTo>
                    <a:pt x="7681" y="457"/>
                  </a:lnTo>
                  <a:lnTo>
                    <a:pt x="6952" y="706"/>
                  </a:lnTo>
                  <a:lnTo>
                    <a:pt x="6247" y="1004"/>
                  </a:lnTo>
                  <a:lnTo>
                    <a:pt x="5569" y="1349"/>
                  </a:lnTo>
                  <a:lnTo>
                    <a:pt x="4920" y="1740"/>
                  </a:lnTo>
                  <a:lnTo>
                    <a:pt x="4301" y="2174"/>
                  </a:lnTo>
                  <a:lnTo>
                    <a:pt x="3715" y="2649"/>
                  </a:lnTo>
                  <a:lnTo>
                    <a:pt x="3164" y="3163"/>
                  </a:lnTo>
                  <a:lnTo>
                    <a:pt x="2649" y="3714"/>
                  </a:lnTo>
                  <a:lnTo>
                    <a:pt x="2174" y="4300"/>
                  </a:lnTo>
                  <a:lnTo>
                    <a:pt x="1740" y="4919"/>
                  </a:lnTo>
                  <a:lnTo>
                    <a:pt x="1349" y="5569"/>
                  </a:lnTo>
                  <a:lnTo>
                    <a:pt x="1004" y="6247"/>
                  </a:lnTo>
                  <a:lnTo>
                    <a:pt x="706" y="6952"/>
                  </a:lnTo>
                  <a:lnTo>
                    <a:pt x="457" y="7681"/>
                  </a:lnTo>
                  <a:lnTo>
                    <a:pt x="260" y="8432"/>
                  </a:lnTo>
                  <a:lnTo>
                    <a:pt x="117" y="9204"/>
                  </a:lnTo>
                  <a:lnTo>
                    <a:pt x="30" y="9994"/>
                  </a:lnTo>
                  <a:lnTo>
                    <a:pt x="0" y="10800"/>
                  </a:lnTo>
                  <a:lnTo>
                    <a:pt x="30" y="11606"/>
                  </a:lnTo>
                  <a:lnTo>
                    <a:pt x="117" y="12396"/>
                  </a:lnTo>
                  <a:lnTo>
                    <a:pt x="260" y="13168"/>
                  </a:lnTo>
                  <a:lnTo>
                    <a:pt x="457" y="13919"/>
                  </a:lnTo>
                  <a:lnTo>
                    <a:pt x="706" y="14648"/>
                  </a:lnTo>
                  <a:lnTo>
                    <a:pt x="1004" y="15353"/>
                  </a:lnTo>
                  <a:lnTo>
                    <a:pt x="1349" y="16031"/>
                  </a:lnTo>
                  <a:lnTo>
                    <a:pt x="1740" y="16681"/>
                  </a:lnTo>
                  <a:lnTo>
                    <a:pt x="2174" y="17300"/>
                  </a:lnTo>
                  <a:lnTo>
                    <a:pt x="2649" y="17886"/>
                  </a:lnTo>
                  <a:lnTo>
                    <a:pt x="3164" y="18437"/>
                  </a:lnTo>
                  <a:lnTo>
                    <a:pt x="3715" y="18951"/>
                  </a:lnTo>
                  <a:lnTo>
                    <a:pt x="4301" y="19426"/>
                  </a:lnTo>
                  <a:lnTo>
                    <a:pt x="4920" y="19860"/>
                  </a:lnTo>
                  <a:lnTo>
                    <a:pt x="5569" y="20251"/>
                  </a:lnTo>
                  <a:lnTo>
                    <a:pt x="6247" y="20596"/>
                  </a:lnTo>
                  <a:lnTo>
                    <a:pt x="6952" y="20894"/>
                  </a:lnTo>
                  <a:lnTo>
                    <a:pt x="7681" y="21143"/>
                  </a:lnTo>
                  <a:lnTo>
                    <a:pt x="8433" y="21340"/>
                  </a:lnTo>
                  <a:lnTo>
                    <a:pt x="9205" y="21483"/>
                  </a:lnTo>
                  <a:lnTo>
                    <a:pt x="9994" y="21570"/>
                  </a:lnTo>
                  <a:lnTo>
                    <a:pt x="10800" y="21600"/>
                  </a:lnTo>
                  <a:lnTo>
                    <a:pt x="11606" y="21570"/>
                  </a:lnTo>
                  <a:lnTo>
                    <a:pt x="12396" y="21483"/>
                  </a:lnTo>
                  <a:lnTo>
                    <a:pt x="13168" y="21340"/>
                  </a:lnTo>
                  <a:lnTo>
                    <a:pt x="13920" y="21143"/>
                  </a:lnTo>
                  <a:lnTo>
                    <a:pt x="14649" y="20894"/>
                  </a:lnTo>
                  <a:lnTo>
                    <a:pt x="15353" y="20596"/>
                  </a:lnTo>
                  <a:lnTo>
                    <a:pt x="16032" y="20251"/>
                  </a:lnTo>
                  <a:lnTo>
                    <a:pt x="16681" y="19860"/>
                  </a:lnTo>
                  <a:lnTo>
                    <a:pt x="17300" y="19426"/>
                  </a:lnTo>
                  <a:lnTo>
                    <a:pt x="17886" y="18951"/>
                  </a:lnTo>
                  <a:lnTo>
                    <a:pt x="18437" y="18437"/>
                  </a:lnTo>
                  <a:lnTo>
                    <a:pt x="18951" y="17886"/>
                  </a:lnTo>
                  <a:lnTo>
                    <a:pt x="19426" y="17300"/>
                  </a:lnTo>
                  <a:lnTo>
                    <a:pt x="19860" y="16681"/>
                  </a:lnTo>
                  <a:lnTo>
                    <a:pt x="20251" y="16031"/>
                  </a:lnTo>
                  <a:lnTo>
                    <a:pt x="20596" y="15353"/>
                  </a:lnTo>
                  <a:lnTo>
                    <a:pt x="20894" y="14648"/>
                  </a:lnTo>
                  <a:lnTo>
                    <a:pt x="21143" y="13919"/>
                  </a:lnTo>
                  <a:lnTo>
                    <a:pt x="21340" y="13168"/>
                  </a:lnTo>
                  <a:lnTo>
                    <a:pt x="21483" y="12396"/>
                  </a:lnTo>
                  <a:lnTo>
                    <a:pt x="21570" y="11606"/>
                  </a:lnTo>
                  <a:lnTo>
                    <a:pt x="21600" y="10800"/>
                  </a:lnTo>
                  <a:lnTo>
                    <a:pt x="21570" y="9994"/>
                  </a:lnTo>
                  <a:lnTo>
                    <a:pt x="21483" y="9204"/>
                  </a:lnTo>
                  <a:lnTo>
                    <a:pt x="21340" y="8432"/>
                  </a:lnTo>
                  <a:lnTo>
                    <a:pt x="21143" y="7681"/>
                  </a:lnTo>
                  <a:lnTo>
                    <a:pt x="20894" y="6952"/>
                  </a:lnTo>
                  <a:lnTo>
                    <a:pt x="20596" y="6247"/>
                  </a:lnTo>
                  <a:lnTo>
                    <a:pt x="20251" y="5569"/>
                  </a:lnTo>
                  <a:lnTo>
                    <a:pt x="19860" y="4919"/>
                  </a:lnTo>
                  <a:lnTo>
                    <a:pt x="19426" y="4300"/>
                  </a:lnTo>
                  <a:lnTo>
                    <a:pt x="18951" y="3714"/>
                  </a:lnTo>
                  <a:lnTo>
                    <a:pt x="18437" y="3163"/>
                  </a:lnTo>
                  <a:lnTo>
                    <a:pt x="17886" y="2649"/>
                  </a:lnTo>
                  <a:lnTo>
                    <a:pt x="17300" y="2174"/>
                  </a:lnTo>
                  <a:lnTo>
                    <a:pt x="16681" y="1740"/>
                  </a:lnTo>
                  <a:lnTo>
                    <a:pt x="16032" y="1349"/>
                  </a:lnTo>
                  <a:lnTo>
                    <a:pt x="15353" y="1004"/>
                  </a:lnTo>
                  <a:lnTo>
                    <a:pt x="14649" y="706"/>
                  </a:lnTo>
                  <a:lnTo>
                    <a:pt x="13920" y="457"/>
                  </a:lnTo>
                  <a:lnTo>
                    <a:pt x="13168" y="260"/>
                  </a:lnTo>
                  <a:lnTo>
                    <a:pt x="12396" y="117"/>
                  </a:lnTo>
                  <a:lnTo>
                    <a:pt x="11606" y="30"/>
                  </a:lnTo>
                  <a:lnTo>
                    <a:pt x="10800" y="0"/>
                  </a:lnTo>
                  <a:close/>
                </a:path>
              </a:pathLst>
            </a:custGeom>
            <a:solidFill>
              <a:srgbClr val="5A9BBD"/>
            </a:solidFill>
            <a:ln w="12700" cap="flat">
              <a:noFill/>
              <a:miter lim="400000"/>
            </a:ln>
            <a:effectLst/>
          </p:spPr>
          <p:txBody>
            <a:bodyPr wrap="square" lIns="45718" tIns="45718" rIns="45718" bIns="45718" numCol="1" anchor="t">
              <a:noAutofit/>
            </a:bodyPr>
            <a:lstStyle/>
            <a:p>
              <a:pPr>
                <a:defRPr sz="800">
                  <a:latin typeface="+mj-lt"/>
                  <a:ea typeface="+mj-ea"/>
                  <a:cs typeface="+mj-cs"/>
                  <a:sym typeface="Calibri"/>
                </a:defRPr>
              </a:pPr>
              <a:endParaRPr sz="840"/>
            </a:p>
          </p:txBody>
        </p:sp>
        <p:sp>
          <p:nvSpPr>
            <p:cNvPr id="207" name="object 30"/>
            <p:cNvSpPr/>
            <p:nvPr/>
          </p:nvSpPr>
          <p:spPr>
            <a:xfrm>
              <a:off x="1678959" y="4224162"/>
              <a:ext cx="399439" cy="399445"/>
            </a:xfrm>
            <a:custGeom>
              <a:avLst/>
              <a:gdLst/>
              <a:ahLst/>
              <a:cxnLst>
                <a:cxn ang="0">
                  <a:pos x="wd2" y="hd2"/>
                </a:cxn>
                <a:cxn ang="5400000">
                  <a:pos x="wd2" y="hd2"/>
                </a:cxn>
                <a:cxn ang="10800000">
                  <a:pos x="wd2" y="hd2"/>
                </a:cxn>
                <a:cxn ang="16200000">
                  <a:pos x="wd2" y="hd2"/>
                </a:cxn>
              </a:cxnLst>
              <a:rect l="0" t="0" r="r" b="b"/>
              <a:pathLst>
                <a:path w="21600" h="21600" extrusionOk="0">
                  <a:moveTo>
                    <a:pt x="10800" y="0"/>
                  </a:moveTo>
                  <a:lnTo>
                    <a:pt x="9994" y="30"/>
                  </a:lnTo>
                  <a:lnTo>
                    <a:pt x="9204" y="117"/>
                  </a:lnTo>
                  <a:lnTo>
                    <a:pt x="8432" y="260"/>
                  </a:lnTo>
                  <a:lnTo>
                    <a:pt x="7681" y="457"/>
                  </a:lnTo>
                  <a:lnTo>
                    <a:pt x="6952" y="706"/>
                  </a:lnTo>
                  <a:lnTo>
                    <a:pt x="6247" y="1004"/>
                  </a:lnTo>
                  <a:lnTo>
                    <a:pt x="5569" y="1349"/>
                  </a:lnTo>
                  <a:lnTo>
                    <a:pt x="4919" y="1740"/>
                  </a:lnTo>
                  <a:lnTo>
                    <a:pt x="4300" y="2174"/>
                  </a:lnTo>
                  <a:lnTo>
                    <a:pt x="3714" y="2649"/>
                  </a:lnTo>
                  <a:lnTo>
                    <a:pt x="3163" y="3163"/>
                  </a:lnTo>
                  <a:lnTo>
                    <a:pt x="2649" y="3714"/>
                  </a:lnTo>
                  <a:lnTo>
                    <a:pt x="2174" y="4300"/>
                  </a:lnTo>
                  <a:lnTo>
                    <a:pt x="1740" y="4919"/>
                  </a:lnTo>
                  <a:lnTo>
                    <a:pt x="1349" y="5569"/>
                  </a:lnTo>
                  <a:lnTo>
                    <a:pt x="1004" y="6247"/>
                  </a:lnTo>
                  <a:lnTo>
                    <a:pt x="706" y="6952"/>
                  </a:lnTo>
                  <a:lnTo>
                    <a:pt x="457" y="7681"/>
                  </a:lnTo>
                  <a:lnTo>
                    <a:pt x="260" y="8432"/>
                  </a:lnTo>
                  <a:lnTo>
                    <a:pt x="117" y="9204"/>
                  </a:lnTo>
                  <a:lnTo>
                    <a:pt x="30" y="9994"/>
                  </a:lnTo>
                  <a:lnTo>
                    <a:pt x="0" y="10800"/>
                  </a:lnTo>
                  <a:lnTo>
                    <a:pt x="30" y="11606"/>
                  </a:lnTo>
                  <a:lnTo>
                    <a:pt x="117" y="12396"/>
                  </a:lnTo>
                  <a:lnTo>
                    <a:pt x="260" y="13168"/>
                  </a:lnTo>
                  <a:lnTo>
                    <a:pt x="457" y="13919"/>
                  </a:lnTo>
                  <a:lnTo>
                    <a:pt x="706" y="14648"/>
                  </a:lnTo>
                  <a:lnTo>
                    <a:pt x="1004" y="15353"/>
                  </a:lnTo>
                  <a:lnTo>
                    <a:pt x="1349" y="16031"/>
                  </a:lnTo>
                  <a:lnTo>
                    <a:pt x="1740" y="16681"/>
                  </a:lnTo>
                  <a:lnTo>
                    <a:pt x="2174" y="17300"/>
                  </a:lnTo>
                  <a:lnTo>
                    <a:pt x="2649" y="17886"/>
                  </a:lnTo>
                  <a:lnTo>
                    <a:pt x="3163" y="18437"/>
                  </a:lnTo>
                  <a:lnTo>
                    <a:pt x="3714" y="18951"/>
                  </a:lnTo>
                  <a:lnTo>
                    <a:pt x="4300" y="19426"/>
                  </a:lnTo>
                  <a:lnTo>
                    <a:pt x="4919" y="19860"/>
                  </a:lnTo>
                  <a:lnTo>
                    <a:pt x="5569" y="20251"/>
                  </a:lnTo>
                  <a:lnTo>
                    <a:pt x="6247" y="20596"/>
                  </a:lnTo>
                  <a:lnTo>
                    <a:pt x="6952" y="20894"/>
                  </a:lnTo>
                  <a:lnTo>
                    <a:pt x="7681" y="21143"/>
                  </a:lnTo>
                  <a:lnTo>
                    <a:pt x="8432" y="21340"/>
                  </a:lnTo>
                  <a:lnTo>
                    <a:pt x="9204" y="21483"/>
                  </a:lnTo>
                  <a:lnTo>
                    <a:pt x="9994" y="21570"/>
                  </a:lnTo>
                  <a:lnTo>
                    <a:pt x="10800" y="21600"/>
                  </a:lnTo>
                  <a:lnTo>
                    <a:pt x="11606" y="21570"/>
                  </a:lnTo>
                  <a:lnTo>
                    <a:pt x="12396" y="21483"/>
                  </a:lnTo>
                  <a:lnTo>
                    <a:pt x="13168" y="21340"/>
                  </a:lnTo>
                  <a:lnTo>
                    <a:pt x="13919" y="21143"/>
                  </a:lnTo>
                  <a:lnTo>
                    <a:pt x="14648" y="20894"/>
                  </a:lnTo>
                  <a:lnTo>
                    <a:pt x="15353" y="20596"/>
                  </a:lnTo>
                  <a:lnTo>
                    <a:pt x="16031" y="20251"/>
                  </a:lnTo>
                  <a:lnTo>
                    <a:pt x="16681" y="19860"/>
                  </a:lnTo>
                  <a:lnTo>
                    <a:pt x="17300" y="19426"/>
                  </a:lnTo>
                  <a:lnTo>
                    <a:pt x="17886" y="18951"/>
                  </a:lnTo>
                  <a:lnTo>
                    <a:pt x="18437" y="18437"/>
                  </a:lnTo>
                  <a:lnTo>
                    <a:pt x="18951" y="17886"/>
                  </a:lnTo>
                  <a:lnTo>
                    <a:pt x="19426" y="17300"/>
                  </a:lnTo>
                  <a:lnTo>
                    <a:pt x="19860" y="16681"/>
                  </a:lnTo>
                  <a:lnTo>
                    <a:pt x="20251" y="16031"/>
                  </a:lnTo>
                  <a:lnTo>
                    <a:pt x="20596" y="15353"/>
                  </a:lnTo>
                  <a:lnTo>
                    <a:pt x="20894" y="14648"/>
                  </a:lnTo>
                  <a:lnTo>
                    <a:pt x="21143" y="13919"/>
                  </a:lnTo>
                  <a:lnTo>
                    <a:pt x="21340" y="13168"/>
                  </a:lnTo>
                  <a:lnTo>
                    <a:pt x="21483" y="12396"/>
                  </a:lnTo>
                  <a:lnTo>
                    <a:pt x="21570" y="11606"/>
                  </a:lnTo>
                  <a:lnTo>
                    <a:pt x="21600" y="10800"/>
                  </a:lnTo>
                  <a:lnTo>
                    <a:pt x="21570" y="9994"/>
                  </a:lnTo>
                  <a:lnTo>
                    <a:pt x="21483" y="9204"/>
                  </a:lnTo>
                  <a:lnTo>
                    <a:pt x="21340" y="8432"/>
                  </a:lnTo>
                  <a:lnTo>
                    <a:pt x="21143" y="7681"/>
                  </a:lnTo>
                  <a:lnTo>
                    <a:pt x="20894" y="6952"/>
                  </a:lnTo>
                  <a:lnTo>
                    <a:pt x="20596" y="6247"/>
                  </a:lnTo>
                  <a:lnTo>
                    <a:pt x="20251" y="5569"/>
                  </a:lnTo>
                  <a:lnTo>
                    <a:pt x="19860" y="4919"/>
                  </a:lnTo>
                  <a:lnTo>
                    <a:pt x="19426" y="4300"/>
                  </a:lnTo>
                  <a:lnTo>
                    <a:pt x="18951" y="3714"/>
                  </a:lnTo>
                  <a:lnTo>
                    <a:pt x="18437" y="3163"/>
                  </a:lnTo>
                  <a:lnTo>
                    <a:pt x="17886" y="2649"/>
                  </a:lnTo>
                  <a:lnTo>
                    <a:pt x="17300" y="2174"/>
                  </a:lnTo>
                  <a:lnTo>
                    <a:pt x="16681" y="1740"/>
                  </a:lnTo>
                  <a:lnTo>
                    <a:pt x="16031" y="1349"/>
                  </a:lnTo>
                  <a:lnTo>
                    <a:pt x="15353" y="1004"/>
                  </a:lnTo>
                  <a:lnTo>
                    <a:pt x="14648" y="706"/>
                  </a:lnTo>
                  <a:lnTo>
                    <a:pt x="13919" y="457"/>
                  </a:lnTo>
                  <a:lnTo>
                    <a:pt x="13168" y="260"/>
                  </a:lnTo>
                  <a:lnTo>
                    <a:pt x="12396" y="117"/>
                  </a:lnTo>
                  <a:lnTo>
                    <a:pt x="11606" y="30"/>
                  </a:lnTo>
                  <a:lnTo>
                    <a:pt x="10800" y="0"/>
                  </a:lnTo>
                  <a:close/>
                </a:path>
              </a:pathLst>
            </a:custGeom>
            <a:solidFill>
              <a:srgbClr val="9B9B9B"/>
            </a:solidFill>
            <a:ln w="12700" cap="flat">
              <a:noFill/>
              <a:miter lim="400000"/>
            </a:ln>
            <a:effectLst/>
          </p:spPr>
          <p:txBody>
            <a:bodyPr wrap="square" lIns="45718" tIns="45718" rIns="45718" bIns="45718" numCol="1" anchor="t">
              <a:noAutofit/>
            </a:bodyPr>
            <a:lstStyle/>
            <a:p>
              <a:pPr>
                <a:defRPr sz="800">
                  <a:latin typeface="+mj-lt"/>
                  <a:ea typeface="+mj-ea"/>
                  <a:cs typeface="+mj-cs"/>
                  <a:sym typeface="Calibri"/>
                </a:defRPr>
              </a:pPr>
              <a:endParaRPr sz="840"/>
            </a:p>
          </p:txBody>
        </p:sp>
        <p:sp>
          <p:nvSpPr>
            <p:cNvPr id="208" name="object 31"/>
            <p:cNvSpPr/>
            <p:nvPr/>
          </p:nvSpPr>
          <p:spPr>
            <a:xfrm>
              <a:off x="566577" y="4779318"/>
              <a:ext cx="399474" cy="399448"/>
            </a:xfrm>
            <a:custGeom>
              <a:avLst/>
              <a:gdLst/>
              <a:ahLst/>
              <a:cxnLst>
                <a:cxn ang="0">
                  <a:pos x="wd2" y="hd2"/>
                </a:cxn>
                <a:cxn ang="5400000">
                  <a:pos x="wd2" y="hd2"/>
                </a:cxn>
                <a:cxn ang="10800000">
                  <a:pos x="wd2" y="hd2"/>
                </a:cxn>
                <a:cxn ang="16200000">
                  <a:pos x="wd2" y="hd2"/>
                </a:cxn>
              </a:cxnLst>
              <a:rect l="0" t="0" r="r" b="b"/>
              <a:pathLst>
                <a:path w="21600" h="21600" extrusionOk="0">
                  <a:moveTo>
                    <a:pt x="10800" y="0"/>
                  </a:moveTo>
                  <a:lnTo>
                    <a:pt x="9994" y="30"/>
                  </a:lnTo>
                  <a:lnTo>
                    <a:pt x="9204" y="117"/>
                  </a:lnTo>
                  <a:lnTo>
                    <a:pt x="8432" y="260"/>
                  </a:lnTo>
                  <a:lnTo>
                    <a:pt x="7681" y="457"/>
                  </a:lnTo>
                  <a:lnTo>
                    <a:pt x="6952" y="706"/>
                  </a:lnTo>
                  <a:lnTo>
                    <a:pt x="6247" y="1004"/>
                  </a:lnTo>
                  <a:lnTo>
                    <a:pt x="5569" y="1349"/>
                  </a:lnTo>
                  <a:lnTo>
                    <a:pt x="4919" y="1740"/>
                  </a:lnTo>
                  <a:lnTo>
                    <a:pt x="4300" y="2174"/>
                  </a:lnTo>
                  <a:lnTo>
                    <a:pt x="3714" y="2649"/>
                  </a:lnTo>
                  <a:lnTo>
                    <a:pt x="3163" y="3163"/>
                  </a:lnTo>
                  <a:lnTo>
                    <a:pt x="2649" y="3714"/>
                  </a:lnTo>
                  <a:lnTo>
                    <a:pt x="2174" y="4300"/>
                  </a:lnTo>
                  <a:lnTo>
                    <a:pt x="1740" y="4919"/>
                  </a:lnTo>
                  <a:lnTo>
                    <a:pt x="1349" y="5569"/>
                  </a:lnTo>
                  <a:lnTo>
                    <a:pt x="1004" y="6247"/>
                  </a:lnTo>
                  <a:lnTo>
                    <a:pt x="706" y="6952"/>
                  </a:lnTo>
                  <a:lnTo>
                    <a:pt x="457" y="7681"/>
                  </a:lnTo>
                  <a:lnTo>
                    <a:pt x="260" y="8432"/>
                  </a:lnTo>
                  <a:lnTo>
                    <a:pt x="117" y="9204"/>
                  </a:lnTo>
                  <a:lnTo>
                    <a:pt x="30" y="9994"/>
                  </a:lnTo>
                  <a:lnTo>
                    <a:pt x="0" y="10800"/>
                  </a:lnTo>
                  <a:lnTo>
                    <a:pt x="30" y="11606"/>
                  </a:lnTo>
                  <a:lnTo>
                    <a:pt x="117" y="12396"/>
                  </a:lnTo>
                  <a:lnTo>
                    <a:pt x="260" y="13168"/>
                  </a:lnTo>
                  <a:lnTo>
                    <a:pt x="457" y="13919"/>
                  </a:lnTo>
                  <a:lnTo>
                    <a:pt x="706" y="14648"/>
                  </a:lnTo>
                  <a:lnTo>
                    <a:pt x="1004" y="15353"/>
                  </a:lnTo>
                  <a:lnTo>
                    <a:pt x="1349" y="16031"/>
                  </a:lnTo>
                  <a:lnTo>
                    <a:pt x="1740" y="16681"/>
                  </a:lnTo>
                  <a:lnTo>
                    <a:pt x="2174" y="17300"/>
                  </a:lnTo>
                  <a:lnTo>
                    <a:pt x="2649" y="17886"/>
                  </a:lnTo>
                  <a:lnTo>
                    <a:pt x="3163" y="18437"/>
                  </a:lnTo>
                  <a:lnTo>
                    <a:pt x="3714" y="18951"/>
                  </a:lnTo>
                  <a:lnTo>
                    <a:pt x="4300" y="19426"/>
                  </a:lnTo>
                  <a:lnTo>
                    <a:pt x="4919" y="19860"/>
                  </a:lnTo>
                  <a:lnTo>
                    <a:pt x="5569" y="20251"/>
                  </a:lnTo>
                  <a:lnTo>
                    <a:pt x="6247" y="20596"/>
                  </a:lnTo>
                  <a:lnTo>
                    <a:pt x="6952" y="20894"/>
                  </a:lnTo>
                  <a:lnTo>
                    <a:pt x="7681" y="21143"/>
                  </a:lnTo>
                  <a:lnTo>
                    <a:pt x="8432" y="21340"/>
                  </a:lnTo>
                  <a:lnTo>
                    <a:pt x="9204" y="21483"/>
                  </a:lnTo>
                  <a:lnTo>
                    <a:pt x="9994" y="21570"/>
                  </a:lnTo>
                  <a:lnTo>
                    <a:pt x="10800" y="21600"/>
                  </a:lnTo>
                  <a:lnTo>
                    <a:pt x="11606" y="21570"/>
                  </a:lnTo>
                  <a:lnTo>
                    <a:pt x="12396" y="21483"/>
                  </a:lnTo>
                  <a:lnTo>
                    <a:pt x="13168" y="21340"/>
                  </a:lnTo>
                  <a:lnTo>
                    <a:pt x="13919" y="21143"/>
                  </a:lnTo>
                  <a:lnTo>
                    <a:pt x="14648" y="20894"/>
                  </a:lnTo>
                  <a:lnTo>
                    <a:pt x="15353" y="20596"/>
                  </a:lnTo>
                  <a:lnTo>
                    <a:pt x="16031" y="20251"/>
                  </a:lnTo>
                  <a:lnTo>
                    <a:pt x="16681" y="19860"/>
                  </a:lnTo>
                  <a:lnTo>
                    <a:pt x="17299" y="19426"/>
                  </a:lnTo>
                  <a:lnTo>
                    <a:pt x="17885" y="18951"/>
                  </a:lnTo>
                  <a:lnTo>
                    <a:pt x="18437" y="18437"/>
                  </a:lnTo>
                  <a:lnTo>
                    <a:pt x="18951" y="17886"/>
                  </a:lnTo>
                  <a:lnTo>
                    <a:pt x="19426" y="17300"/>
                  </a:lnTo>
                  <a:lnTo>
                    <a:pt x="19860" y="16681"/>
                  </a:lnTo>
                  <a:lnTo>
                    <a:pt x="20251" y="16031"/>
                  </a:lnTo>
                  <a:lnTo>
                    <a:pt x="20596" y="15353"/>
                  </a:lnTo>
                  <a:lnTo>
                    <a:pt x="20894" y="14648"/>
                  </a:lnTo>
                  <a:lnTo>
                    <a:pt x="21143" y="13919"/>
                  </a:lnTo>
                  <a:lnTo>
                    <a:pt x="21340" y="13168"/>
                  </a:lnTo>
                  <a:lnTo>
                    <a:pt x="21483" y="12396"/>
                  </a:lnTo>
                  <a:lnTo>
                    <a:pt x="21570" y="11606"/>
                  </a:lnTo>
                  <a:lnTo>
                    <a:pt x="21600" y="10800"/>
                  </a:lnTo>
                  <a:lnTo>
                    <a:pt x="21570" y="9994"/>
                  </a:lnTo>
                  <a:lnTo>
                    <a:pt x="21483" y="9204"/>
                  </a:lnTo>
                  <a:lnTo>
                    <a:pt x="21340" y="8432"/>
                  </a:lnTo>
                  <a:lnTo>
                    <a:pt x="21143" y="7681"/>
                  </a:lnTo>
                  <a:lnTo>
                    <a:pt x="20894" y="6952"/>
                  </a:lnTo>
                  <a:lnTo>
                    <a:pt x="20596" y="6247"/>
                  </a:lnTo>
                  <a:lnTo>
                    <a:pt x="20251" y="5569"/>
                  </a:lnTo>
                  <a:lnTo>
                    <a:pt x="19860" y="4919"/>
                  </a:lnTo>
                  <a:lnTo>
                    <a:pt x="19426" y="4300"/>
                  </a:lnTo>
                  <a:lnTo>
                    <a:pt x="18951" y="3714"/>
                  </a:lnTo>
                  <a:lnTo>
                    <a:pt x="18437" y="3163"/>
                  </a:lnTo>
                  <a:lnTo>
                    <a:pt x="17885" y="2649"/>
                  </a:lnTo>
                  <a:lnTo>
                    <a:pt x="17299" y="2174"/>
                  </a:lnTo>
                  <a:lnTo>
                    <a:pt x="16681" y="1740"/>
                  </a:lnTo>
                  <a:lnTo>
                    <a:pt x="16031" y="1349"/>
                  </a:lnTo>
                  <a:lnTo>
                    <a:pt x="15353" y="1004"/>
                  </a:lnTo>
                  <a:lnTo>
                    <a:pt x="14648" y="706"/>
                  </a:lnTo>
                  <a:lnTo>
                    <a:pt x="13919" y="457"/>
                  </a:lnTo>
                  <a:lnTo>
                    <a:pt x="13168" y="260"/>
                  </a:lnTo>
                  <a:lnTo>
                    <a:pt x="12396" y="117"/>
                  </a:lnTo>
                  <a:lnTo>
                    <a:pt x="11606" y="30"/>
                  </a:lnTo>
                  <a:lnTo>
                    <a:pt x="10800" y="0"/>
                  </a:lnTo>
                  <a:close/>
                </a:path>
              </a:pathLst>
            </a:custGeom>
            <a:solidFill>
              <a:srgbClr val="9B4A28"/>
            </a:solidFill>
            <a:ln w="12700" cap="flat">
              <a:noFill/>
              <a:miter lim="400000"/>
            </a:ln>
            <a:effectLst/>
          </p:spPr>
          <p:txBody>
            <a:bodyPr wrap="square" lIns="45718" tIns="45718" rIns="45718" bIns="45718" numCol="1" anchor="t">
              <a:noAutofit/>
            </a:bodyPr>
            <a:lstStyle/>
            <a:p>
              <a:pPr>
                <a:defRPr sz="800">
                  <a:latin typeface="+mj-lt"/>
                  <a:ea typeface="+mj-ea"/>
                  <a:cs typeface="+mj-cs"/>
                  <a:sym typeface="Calibri"/>
                </a:defRPr>
              </a:pPr>
              <a:endParaRPr sz="840"/>
            </a:p>
          </p:txBody>
        </p:sp>
        <p:sp>
          <p:nvSpPr>
            <p:cNvPr id="209" name="object 32"/>
            <p:cNvSpPr/>
            <p:nvPr/>
          </p:nvSpPr>
          <p:spPr>
            <a:xfrm>
              <a:off x="1122972" y="3673078"/>
              <a:ext cx="399457" cy="399436"/>
            </a:xfrm>
            <a:custGeom>
              <a:avLst/>
              <a:gdLst/>
              <a:ahLst/>
              <a:cxnLst>
                <a:cxn ang="0">
                  <a:pos x="wd2" y="hd2"/>
                </a:cxn>
                <a:cxn ang="5400000">
                  <a:pos x="wd2" y="hd2"/>
                </a:cxn>
                <a:cxn ang="10800000">
                  <a:pos x="wd2" y="hd2"/>
                </a:cxn>
                <a:cxn ang="16200000">
                  <a:pos x="wd2" y="hd2"/>
                </a:cxn>
              </a:cxnLst>
              <a:rect l="0" t="0" r="r" b="b"/>
              <a:pathLst>
                <a:path w="21600" h="21600" extrusionOk="0">
                  <a:moveTo>
                    <a:pt x="10800" y="0"/>
                  </a:moveTo>
                  <a:lnTo>
                    <a:pt x="9994" y="30"/>
                  </a:lnTo>
                  <a:lnTo>
                    <a:pt x="9205" y="117"/>
                  </a:lnTo>
                  <a:lnTo>
                    <a:pt x="8433" y="260"/>
                  </a:lnTo>
                  <a:lnTo>
                    <a:pt x="7681" y="457"/>
                  </a:lnTo>
                  <a:lnTo>
                    <a:pt x="6952" y="706"/>
                  </a:lnTo>
                  <a:lnTo>
                    <a:pt x="6247" y="1004"/>
                  </a:lnTo>
                  <a:lnTo>
                    <a:pt x="5569" y="1349"/>
                  </a:lnTo>
                  <a:lnTo>
                    <a:pt x="4920" y="1740"/>
                  </a:lnTo>
                  <a:lnTo>
                    <a:pt x="4301" y="2174"/>
                  </a:lnTo>
                  <a:lnTo>
                    <a:pt x="3715" y="2649"/>
                  </a:lnTo>
                  <a:lnTo>
                    <a:pt x="3164" y="3163"/>
                  </a:lnTo>
                  <a:lnTo>
                    <a:pt x="2649" y="3714"/>
                  </a:lnTo>
                  <a:lnTo>
                    <a:pt x="2174" y="4300"/>
                  </a:lnTo>
                  <a:lnTo>
                    <a:pt x="1740" y="4919"/>
                  </a:lnTo>
                  <a:lnTo>
                    <a:pt x="1349" y="5569"/>
                  </a:lnTo>
                  <a:lnTo>
                    <a:pt x="1004" y="6247"/>
                  </a:lnTo>
                  <a:lnTo>
                    <a:pt x="706" y="6951"/>
                  </a:lnTo>
                  <a:lnTo>
                    <a:pt x="457" y="7681"/>
                  </a:lnTo>
                  <a:lnTo>
                    <a:pt x="260" y="8432"/>
                  </a:lnTo>
                  <a:lnTo>
                    <a:pt x="117" y="9204"/>
                  </a:lnTo>
                  <a:lnTo>
                    <a:pt x="30" y="9994"/>
                  </a:lnTo>
                  <a:lnTo>
                    <a:pt x="0" y="10800"/>
                  </a:lnTo>
                  <a:lnTo>
                    <a:pt x="30" y="11606"/>
                  </a:lnTo>
                  <a:lnTo>
                    <a:pt x="117" y="12396"/>
                  </a:lnTo>
                  <a:lnTo>
                    <a:pt x="260" y="13168"/>
                  </a:lnTo>
                  <a:lnTo>
                    <a:pt x="457" y="13919"/>
                  </a:lnTo>
                  <a:lnTo>
                    <a:pt x="706" y="14648"/>
                  </a:lnTo>
                  <a:lnTo>
                    <a:pt x="1004" y="15353"/>
                  </a:lnTo>
                  <a:lnTo>
                    <a:pt x="1349" y="16031"/>
                  </a:lnTo>
                  <a:lnTo>
                    <a:pt x="1740" y="16681"/>
                  </a:lnTo>
                  <a:lnTo>
                    <a:pt x="2174" y="17299"/>
                  </a:lnTo>
                  <a:lnTo>
                    <a:pt x="2649" y="17886"/>
                  </a:lnTo>
                  <a:lnTo>
                    <a:pt x="3164" y="18437"/>
                  </a:lnTo>
                  <a:lnTo>
                    <a:pt x="3715" y="18951"/>
                  </a:lnTo>
                  <a:lnTo>
                    <a:pt x="4301" y="19426"/>
                  </a:lnTo>
                  <a:lnTo>
                    <a:pt x="4920" y="19860"/>
                  </a:lnTo>
                  <a:lnTo>
                    <a:pt x="5569" y="20251"/>
                  </a:lnTo>
                  <a:lnTo>
                    <a:pt x="6247" y="20596"/>
                  </a:lnTo>
                  <a:lnTo>
                    <a:pt x="6952" y="20894"/>
                  </a:lnTo>
                  <a:lnTo>
                    <a:pt x="7681" y="21143"/>
                  </a:lnTo>
                  <a:lnTo>
                    <a:pt x="8433" y="21340"/>
                  </a:lnTo>
                  <a:lnTo>
                    <a:pt x="9205" y="21483"/>
                  </a:lnTo>
                  <a:lnTo>
                    <a:pt x="9994" y="21570"/>
                  </a:lnTo>
                  <a:lnTo>
                    <a:pt x="10800" y="21600"/>
                  </a:lnTo>
                  <a:lnTo>
                    <a:pt x="11606" y="21570"/>
                  </a:lnTo>
                  <a:lnTo>
                    <a:pt x="12396" y="21483"/>
                  </a:lnTo>
                  <a:lnTo>
                    <a:pt x="13168" y="21340"/>
                  </a:lnTo>
                  <a:lnTo>
                    <a:pt x="13920" y="21143"/>
                  </a:lnTo>
                  <a:lnTo>
                    <a:pt x="14649" y="20894"/>
                  </a:lnTo>
                  <a:lnTo>
                    <a:pt x="15353" y="20596"/>
                  </a:lnTo>
                  <a:lnTo>
                    <a:pt x="16032" y="20251"/>
                  </a:lnTo>
                  <a:lnTo>
                    <a:pt x="16681" y="19860"/>
                  </a:lnTo>
                  <a:lnTo>
                    <a:pt x="17300" y="19426"/>
                  </a:lnTo>
                  <a:lnTo>
                    <a:pt x="17886" y="18951"/>
                  </a:lnTo>
                  <a:lnTo>
                    <a:pt x="18437" y="18437"/>
                  </a:lnTo>
                  <a:lnTo>
                    <a:pt x="18951" y="17886"/>
                  </a:lnTo>
                  <a:lnTo>
                    <a:pt x="19426" y="17299"/>
                  </a:lnTo>
                  <a:lnTo>
                    <a:pt x="19860" y="16681"/>
                  </a:lnTo>
                  <a:lnTo>
                    <a:pt x="20251" y="16031"/>
                  </a:lnTo>
                  <a:lnTo>
                    <a:pt x="20596" y="15353"/>
                  </a:lnTo>
                  <a:lnTo>
                    <a:pt x="20894" y="14648"/>
                  </a:lnTo>
                  <a:lnTo>
                    <a:pt x="21143" y="13919"/>
                  </a:lnTo>
                  <a:lnTo>
                    <a:pt x="21340" y="13168"/>
                  </a:lnTo>
                  <a:lnTo>
                    <a:pt x="21483" y="12396"/>
                  </a:lnTo>
                  <a:lnTo>
                    <a:pt x="21570" y="11606"/>
                  </a:lnTo>
                  <a:lnTo>
                    <a:pt x="21600" y="10800"/>
                  </a:lnTo>
                  <a:lnTo>
                    <a:pt x="21570" y="9994"/>
                  </a:lnTo>
                  <a:lnTo>
                    <a:pt x="21483" y="9204"/>
                  </a:lnTo>
                  <a:lnTo>
                    <a:pt x="21340" y="8432"/>
                  </a:lnTo>
                  <a:lnTo>
                    <a:pt x="21143" y="7681"/>
                  </a:lnTo>
                  <a:lnTo>
                    <a:pt x="20894" y="6951"/>
                  </a:lnTo>
                  <a:lnTo>
                    <a:pt x="20596" y="6247"/>
                  </a:lnTo>
                  <a:lnTo>
                    <a:pt x="20251" y="5569"/>
                  </a:lnTo>
                  <a:lnTo>
                    <a:pt x="19860" y="4919"/>
                  </a:lnTo>
                  <a:lnTo>
                    <a:pt x="19426" y="4300"/>
                  </a:lnTo>
                  <a:lnTo>
                    <a:pt x="18951" y="3714"/>
                  </a:lnTo>
                  <a:lnTo>
                    <a:pt x="18437" y="3163"/>
                  </a:lnTo>
                  <a:lnTo>
                    <a:pt x="17886" y="2649"/>
                  </a:lnTo>
                  <a:lnTo>
                    <a:pt x="17300" y="2174"/>
                  </a:lnTo>
                  <a:lnTo>
                    <a:pt x="16681" y="1740"/>
                  </a:lnTo>
                  <a:lnTo>
                    <a:pt x="16032" y="1349"/>
                  </a:lnTo>
                  <a:lnTo>
                    <a:pt x="15353" y="1004"/>
                  </a:lnTo>
                  <a:lnTo>
                    <a:pt x="14649" y="706"/>
                  </a:lnTo>
                  <a:lnTo>
                    <a:pt x="13920" y="457"/>
                  </a:lnTo>
                  <a:lnTo>
                    <a:pt x="13168" y="260"/>
                  </a:lnTo>
                  <a:lnTo>
                    <a:pt x="12396" y="117"/>
                  </a:lnTo>
                  <a:lnTo>
                    <a:pt x="11606" y="30"/>
                  </a:lnTo>
                  <a:lnTo>
                    <a:pt x="10800" y="0"/>
                  </a:lnTo>
                  <a:close/>
                </a:path>
              </a:pathLst>
            </a:custGeom>
            <a:solidFill>
              <a:srgbClr val="C7DCC7"/>
            </a:solidFill>
            <a:ln w="12700" cap="flat">
              <a:noFill/>
              <a:miter lim="400000"/>
            </a:ln>
            <a:effectLst/>
          </p:spPr>
          <p:txBody>
            <a:bodyPr wrap="square" lIns="45718" tIns="45718" rIns="45718" bIns="45718" numCol="1" anchor="t">
              <a:noAutofit/>
            </a:bodyPr>
            <a:lstStyle/>
            <a:p>
              <a:pPr>
                <a:defRPr sz="800">
                  <a:latin typeface="+mj-lt"/>
                  <a:ea typeface="+mj-ea"/>
                  <a:cs typeface="+mj-cs"/>
                  <a:sym typeface="Calibri"/>
                </a:defRPr>
              </a:pPr>
              <a:endParaRPr sz="840"/>
            </a:p>
          </p:txBody>
        </p:sp>
        <p:sp>
          <p:nvSpPr>
            <p:cNvPr id="210" name="object 33"/>
            <p:cNvSpPr/>
            <p:nvPr/>
          </p:nvSpPr>
          <p:spPr>
            <a:xfrm>
              <a:off x="1678959" y="3673078"/>
              <a:ext cx="399439" cy="399436"/>
            </a:xfrm>
            <a:custGeom>
              <a:avLst/>
              <a:gdLst/>
              <a:ahLst/>
              <a:cxnLst>
                <a:cxn ang="0">
                  <a:pos x="wd2" y="hd2"/>
                </a:cxn>
                <a:cxn ang="5400000">
                  <a:pos x="wd2" y="hd2"/>
                </a:cxn>
                <a:cxn ang="10800000">
                  <a:pos x="wd2" y="hd2"/>
                </a:cxn>
                <a:cxn ang="16200000">
                  <a:pos x="wd2" y="hd2"/>
                </a:cxn>
              </a:cxnLst>
              <a:rect l="0" t="0" r="r" b="b"/>
              <a:pathLst>
                <a:path w="21600" h="21600" extrusionOk="0">
                  <a:moveTo>
                    <a:pt x="10800" y="0"/>
                  </a:moveTo>
                  <a:lnTo>
                    <a:pt x="9994" y="30"/>
                  </a:lnTo>
                  <a:lnTo>
                    <a:pt x="9204" y="117"/>
                  </a:lnTo>
                  <a:lnTo>
                    <a:pt x="8432" y="260"/>
                  </a:lnTo>
                  <a:lnTo>
                    <a:pt x="7681" y="457"/>
                  </a:lnTo>
                  <a:lnTo>
                    <a:pt x="6952" y="706"/>
                  </a:lnTo>
                  <a:lnTo>
                    <a:pt x="6247" y="1004"/>
                  </a:lnTo>
                  <a:lnTo>
                    <a:pt x="5569" y="1349"/>
                  </a:lnTo>
                  <a:lnTo>
                    <a:pt x="4919" y="1740"/>
                  </a:lnTo>
                  <a:lnTo>
                    <a:pt x="4300" y="2174"/>
                  </a:lnTo>
                  <a:lnTo>
                    <a:pt x="3714" y="2649"/>
                  </a:lnTo>
                  <a:lnTo>
                    <a:pt x="3163" y="3163"/>
                  </a:lnTo>
                  <a:lnTo>
                    <a:pt x="2649" y="3714"/>
                  </a:lnTo>
                  <a:lnTo>
                    <a:pt x="2174" y="4300"/>
                  </a:lnTo>
                  <a:lnTo>
                    <a:pt x="1740" y="4919"/>
                  </a:lnTo>
                  <a:lnTo>
                    <a:pt x="1349" y="5569"/>
                  </a:lnTo>
                  <a:lnTo>
                    <a:pt x="1004" y="6247"/>
                  </a:lnTo>
                  <a:lnTo>
                    <a:pt x="706" y="6951"/>
                  </a:lnTo>
                  <a:lnTo>
                    <a:pt x="457" y="7681"/>
                  </a:lnTo>
                  <a:lnTo>
                    <a:pt x="260" y="8432"/>
                  </a:lnTo>
                  <a:lnTo>
                    <a:pt x="117" y="9204"/>
                  </a:lnTo>
                  <a:lnTo>
                    <a:pt x="30" y="9994"/>
                  </a:lnTo>
                  <a:lnTo>
                    <a:pt x="0" y="10800"/>
                  </a:lnTo>
                  <a:lnTo>
                    <a:pt x="30" y="11606"/>
                  </a:lnTo>
                  <a:lnTo>
                    <a:pt x="117" y="12396"/>
                  </a:lnTo>
                  <a:lnTo>
                    <a:pt x="260" y="13168"/>
                  </a:lnTo>
                  <a:lnTo>
                    <a:pt x="457" y="13919"/>
                  </a:lnTo>
                  <a:lnTo>
                    <a:pt x="706" y="14648"/>
                  </a:lnTo>
                  <a:lnTo>
                    <a:pt x="1004" y="15353"/>
                  </a:lnTo>
                  <a:lnTo>
                    <a:pt x="1349" y="16031"/>
                  </a:lnTo>
                  <a:lnTo>
                    <a:pt x="1740" y="16681"/>
                  </a:lnTo>
                  <a:lnTo>
                    <a:pt x="2174" y="17299"/>
                  </a:lnTo>
                  <a:lnTo>
                    <a:pt x="2649" y="17886"/>
                  </a:lnTo>
                  <a:lnTo>
                    <a:pt x="3163" y="18437"/>
                  </a:lnTo>
                  <a:lnTo>
                    <a:pt x="3714" y="18951"/>
                  </a:lnTo>
                  <a:lnTo>
                    <a:pt x="4300" y="19426"/>
                  </a:lnTo>
                  <a:lnTo>
                    <a:pt x="4919" y="19860"/>
                  </a:lnTo>
                  <a:lnTo>
                    <a:pt x="5569" y="20251"/>
                  </a:lnTo>
                  <a:lnTo>
                    <a:pt x="6247" y="20596"/>
                  </a:lnTo>
                  <a:lnTo>
                    <a:pt x="6952" y="20894"/>
                  </a:lnTo>
                  <a:lnTo>
                    <a:pt x="7681" y="21143"/>
                  </a:lnTo>
                  <a:lnTo>
                    <a:pt x="8432" y="21340"/>
                  </a:lnTo>
                  <a:lnTo>
                    <a:pt x="9204" y="21483"/>
                  </a:lnTo>
                  <a:lnTo>
                    <a:pt x="9994" y="21570"/>
                  </a:lnTo>
                  <a:lnTo>
                    <a:pt x="10800" y="21600"/>
                  </a:lnTo>
                  <a:lnTo>
                    <a:pt x="11606" y="21570"/>
                  </a:lnTo>
                  <a:lnTo>
                    <a:pt x="12396" y="21483"/>
                  </a:lnTo>
                  <a:lnTo>
                    <a:pt x="13168" y="21340"/>
                  </a:lnTo>
                  <a:lnTo>
                    <a:pt x="13919" y="21143"/>
                  </a:lnTo>
                  <a:lnTo>
                    <a:pt x="14648" y="20894"/>
                  </a:lnTo>
                  <a:lnTo>
                    <a:pt x="15353" y="20596"/>
                  </a:lnTo>
                  <a:lnTo>
                    <a:pt x="16031" y="20251"/>
                  </a:lnTo>
                  <a:lnTo>
                    <a:pt x="16681" y="19860"/>
                  </a:lnTo>
                  <a:lnTo>
                    <a:pt x="17300" y="19426"/>
                  </a:lnTo>
                  <a:lnTo>
                    <a:pt x="17886" y="18951"/>
                  </a:lnTo>
                  <a:lnTo>
                    <a:pt x="18437" y="18437"/>
                  </a:lnTo>
                  <a:lnTo>
                    <a:pt x="18951" y="17886"/>
                  </a:lnTo>
                  <a:lnTo>
                    <a:pt x="19426" y="17299"/>
                  </a:lnTo>
                  <a:lnTo>
                    <a:pt x="19860" y="16681"/>
                  </a:lnTo>
                  <a:lnTo>
                    <a:pt x="20251" y="16031"/>
                  </a:lnTo>
                  <a:lnTo>
                    <a:pt x="20596" y="15353"/>
                  </a:lnTo>
                  <a:lnTo>
                    <a:pt x="20894" y="14648"/>
                  </a:lnTo>
                  <a:lnTo>
                    <a:pt x="21143" y="13919"/>
                  </a:lnTo>
                  <a:lnTo>
                    <a:pt x="21340" y="13168"/>
                  </a:lnTo>
                  <a:lnTo>
                    <a:pt x="21483" y="12396"/>
                  </a:lnTo>
                  <a:lnTo>
                    <a:pt x="21570" y="11606"/>
                  </a:lnTo>
                  <a:lnTo>
                    <a:pt x="21600" y="10800"/>
                  </a:lnTo>
                  <a:lnTo>
                    <a:pt x="21570" y="9994"/>
                  </a:lnTo>
                  <a:lnTo>
                    <a:pt x="21483" y="9204"/>
                  </a:lnTo>
                  <a:lnTo>
                    <a:pt x="21340" y="8432"/>
                  </a:lnTo>
                  <a:lnTo>
                    <a:pt x="21143" y="7681"/>
                  </a:lnTo>
                  <a:lnTo>
                    <a:pt x="20894" y="6951"/>
                  </a:lnTo>
                  <a:lnTo>
                    <a:pt x="20596" y="6247"/>
                  </a:lnTo>
                  <a:lnTo>
                    <a:pt x="20251" y="5569"/>
                  </a:lnTo>
                  <a:lnTo>
                    <a:pt x="19860" y="4919"/>
                  </a:lnTo>
                  <a:lnTo>
                    <a:pt x="19426" y="4300"/>
                  </a:lnTo>
                  <a:lnTo>
                    <a:pt x="18951" y="3714"/>
                  </a:lnTo>
                  <a:lnTo>
                    <a:pt x="18437" y="3163"/>
                  </a:lnTo>
                  <a:lnTo>
                    <a:pt x="17886" y="2649"/>
                  </a:lnTo>
                  <a:lnTo>
                    <a:pt x="17300" y="2174"/>
                  </a:lnTo>
                  <a:lnTo>
                    <a:pt x="16681" y="1740"/>
                  </a:lnTo>
                  <a:lnTo>
                    <a:pt x="16031" y="1349"/>
                  </a:lnTo>
                  <a:lnTo>
                    <a:pt x="15353" y="1004"/>
                  </a:lnTo>
                  <a:lnTo>
                    <a:pt x="14648" y="706"/>
                  </a:lnTo>
                  <a:lnTo>
                    <a:pt x="13919" y="457"/>
                  </a:lnTo>
                  <a:lnTo>
                    <a:pt x="13168" y="260"/>
                  </a:lnTo>
                  <a:lnTo>
                    <a:pt x="12396" y="117"/>
                  </a:lnTo>
                  <a:lnTo>
                    <a:pt x="11606" y="30"/>
                  </a:lnTo>
                  <a:lnTo>
                    <a:pt x="10800" y="0"/>
                  </a:lnTo>
                  <a:close/>
                </a:path>
              </a:pathLst>
            </a:custGeom>
            <a:solidFill>
              <a:srgbClr val="D6D6D6"/>
            </a:solidFill>
            <a:ln w="12700" cap="flat">
              <a:noFill/>
              <a:miter lim="400000"/>
            </a:ln>
            <a:effectLst/>
          </p:spPr>
          <p:txBody>
            <a:bodyPr wrap="square" lIns="45718" tIns="45718" rIns="45718" bIns="45718" numCol="1" anchor="t">
              <a:noAutofit/>
            </a:bodyPr>
            <a:lstStyle/>
            <a:p>
              <a:pPr>
                <a:defRPr sz="800">
                  <a:latin typeface="+mj-lt"/>
                  <a:ea typeface="+mj-ea"/>
                  <a:cs typeface="+mj-cs"/>
                  <a:sym typeface="Calibri"/>
                </a:defRPr>
              </a:pPr>
              <a:endParaRPr sz="840"/>
            </a:p>
          </p:txBody>
        </p:sp>
        <p:sp>
          <p:nvSpPr>
            <p:cNvPr id="211" name="object 34"/>
            <p:cNvSpPr/>
            <p:nvPr/>
          </p:nvSpPr>
          <p:spPr>
            <a:xfrm>
              <a:off x="566577" y="3673078"/>
              <a:ext cx="399455" cy="399436"/>
            </a:xfrm>
            <a:custGeom>
              <a:avLst/>
              <a:gdLst/>
              <a:ahLst/>
              <a:cxnLst>
                <a:cxn ang="0">
                  <a:pos x="wd2" y="hd2"/>
                </a:cxn>
                <a:cxn ang="5400000">
                  <a:pos x="wd2" y="hd2"/>
                </a:cxn>
                <a:cxn ang="10800000">
                  <a:pos x="wd2" y="hd2"/>
                </a:cxn>
                <a:cxn ang="16200000">
                  <a:pos x="wd2" y="hd2"/>
                </a:cxn>
              </a:cxnLst>
              <a:rect l="0" t="0" r="r" b="b"/>
              <a:pathLst>
                <a:path w="21600" h="21600" extrusionOk="0">
                  <a:moveTo>
                    <a:pt x="10800" y="0"/>
                  </a:moveTo>
                  <a:lnTo>
                    <a:pt x="9994" y="30"/>
                  </a:lnTo>
                  <a:lnTo>
                    <a:pt x="9204" y="117"/>
                  </a:lnTo>
                  <a:lnTo>
                    <a:pt x="8433" y="260"/>
                  </a:lnTo>
                  <a:lnTo>
                    <a:pt x="7681" y="457"/>
                  </a:lnTo>
                  <a:lnTo>
                    <a:pt x="6952" y="706"/>
                  </a:lnTo>
                  <a:lnTo>
                    <a:pt x="6247" y="1004"/>
                  </a:lnTo>
                  <a:lnTo>
                    <a:pt x="5569" y="1349"/>
                  </a:lnTo>
                  <a:lnTo>
                    <a:pt x="4919" y="1740"/>
                  </a:lnTo>
                  <a:lnTo>
                    <a:pt x="4301" y="2174"/>
                  </a:lnTo>
                  <a:lnTo>
                    <a:pt x="3714" y="2649"/>
                  </a:lnTo>
                  <a:lnTo>
                    <a:pt x="3163" y="3163"/>
                  </a:lnTo>
                  <a:lnTo>
                    <a:pt x="2649" y="3714"/>
                  </a:lnTo>
                  <a:lnTo>
                    <a:pt x="2174" y="4300"/>
                  </a:lnTo>
                  <a:lnTo>
                    <a:pt x="1740" y="4919"/>
                  </a:lnTo>
                  <a:lnTo>
                    <a:pt x="1349" y="5569"/>
                  </a:lnTo>
                  <a:lnTo>
                    <a:pt x="1004" y="6247"/>
                  </a:lnTo>
                  <a:lnTo>
                    <a:pt x="706" y="6951"/>
                  </a:lnTo>
                  <a:lnTo>
                    <a:pt x="457" y="7681"/>
                  </a:lnTo>
                  <a:lnTo>
                    <a:pt x="260" y="8432"/>
                  </a:lnTo>
                  <a:lnTo>
                    <a:pt x="117" y="9204"/>
                  </a:lnTo>
                  <a:lnTo>
                    <a:pt x="30" y="9994"/>
                  </a:lnTo>
                  <a:lnTo>
                    <a:pt x="0" y="10800"/>
                  </a:lnTo>
                  <a:lnTo>
                    <a:pt x="30" y="11606"/>
                  </a:lnTo>
                  <a:lnTo>
                    <a:pt x="117" y="12396"/>
                  </a:lnTo>
                  <a:lnTo>
                    <a:pt x="260" y="13168"/>
                  </a:lnTo>
                  <a:lnTo>
                    <a:pt x="457" y="13919"/>
                  </a:lnTo>
                  <a:lnTo>
                    <a:pt x="706" y="14648"/>
                  </a:lnTo>
                  <a:lnTo>
                    <a:pt x="1004" y="15353"/>
                  </a:lnTo>
                  <a:lnTo>
                    <a:pt x="1349" y="16031"/>
                  </a:lnTo>
                  <a:lnTo>
                    <a:pt x="1740" y="16681"/>
                  </a:lnTo>
                  <a:lnTo>
                    <a:pt x="2174" y="17299"/>
                  </a:lnTo>
                  <a:lnTo>
                    <a:pt x="2649" y="17886"/>
                  </a:lnTo>
                  <a:lnTo>
                    <a:pt x="3163" y="18437"/>
                  </a:lnTo>
                  <a:lnTo>
                    <a:pt x="3714" y="18951"/>
                  </a:lnTo>
                  <a:lnTo>
                    <a:pt x="4301" y="19426"/>
                  </a:lnTo>
                  <a:lnTo>
                    <a:pt x="4919" y="19860"/>
                  </a:lnTo>
                  <a:lnTo>
                    <a:pt x="5569" y="20251"/>
                  </a:lnTo>
                  <a:lnTo>
                    <a:pt x="6247" y="20596"/>
                  </a:lnTo>
                  <a:lnTo>
                    <a:pt x="6952" y="20894"/>
                  </a:lnTo>
                  <a:lnTo>
                    <a:pt x="7681" y="21143"/>
                  </a:lnTo>
                  <a:lnTo>
                    <a:pt x="8433" y="21340"/>
                  </a:lnTo>
                  <a:lnTo>
                    <a:pt x="9204" y="21483"/>
                  </a:lnTo>
                  <a:lnTo>
                    <a:pt x="9994" y="21570"/>
                  </a:lnTo>
                  <a:lnTo>
                    <a:pt x="10800" y="21600"/>
                  </a:lnTo>
                  <a:lnTo>
                    <a:pt x="11606" y="21570"/>
                  </a:lnTo>
                  <a:lnTo>
                    <a:pt x="12396" y="21483"/>
                  </a:lnTo>
                  <a:lnTo>
                    <a:pt x="13168" y="21340"/>
                  </a:lnTo>
                  <a:lnTo>
                    <a:pt x="13919" y="21143"/>
                  </a:lnTo>
                  <a:lnTo>
                    <a:pt x="14648" y="20894"/>
                  </a:lnTo>
                  <a:lnTo>
                    <a:pt x="15353" y="20596"/>
                  </a:lnTo>
                  <a:lnTo>
                    <a:pt x="16031" y="20251"/>
                  </a:lnTo>
                  <a:lnTo>
                    <a:pt x="16681" y="19860"/>
                  </a:lnTo>
                  <a:lnTo>
                    <a:pt x="17299" y="19426"/>
                  </a:lnTo>
                  <a:lnTo>
                    <a:pt x="17885" y="18951"/>
                  </a:lnTo>
                  <a:lnTo>
                    <a:pt x="18437" y="18437"/>
                  </a:lnTo>
                  <a:lnTo>
                    <a:pt x="18951" y="17886"/>
                  </a:lnTo>
                  <a:lnTo>
                    <a:pt x="19426" y="17299"/>
                  </a:lnTo>
                  <a:lnTo>
                    <a:pt x="19860" y="16681"/>
                  </a:lnTo>
                  <a:lnTo>
                    <a:pt x="20251" y="16031"/>
                  </a:lnTo>
                  <a:lnTo>
                    <a:pt x="20596" y="15353"/>
                  </a:lnTo>
                  <a:lnTo>
                    <a:pt x="20894" y="14648"/>
                  </a:lnTo>
                  <a:lnTo>
                    <a:pt x="21143" y="13919"/>
                  </a:lnTo>
                  <a:lnTo>
                    <a:pt x="21340" y="13168"/>
                  </a:lnTo>
                  <a:lnTo>
                    <a:pt x="21483" y="12396"/>
                  </a:lnTo>
                  <a:lnTo>
                    <a:pt x="21570" y="11606"/>
                  </a:lnTo>
                  <a:lnTo>
                    <a:pt x="21600" y="10800"/>
                  </a:lnTo>
                  <a:lnTo>
                    <a:pt x="21570" y="9994"/>
                  </a:lnTo>
                  <a:lnTo>
                    <a:pt x="21483" y="9204"/>
                  </a:lnTo>
                  <a:lnTo>
                    <a:pt x="21340" y="8432"/>
                  </a:lnTo>
                  <a:lnTo>
                    <a:pt x="21143" y="7681"/>
                  </a:lnTo>
                  <a:lnTo>
                    <a:pt x="20894" y="6951"/>
                  </a:lnTo>
                  <a:lnTo>
                    <a:pt x="20596" y="6247"/>
                  </a:lnTo>
                  <a:lnTo>
                    <a:pt x="20251" y="5569"/>
                  </a:lnTo>
                  <a:lnTo>
                    <a:pt x="19860" y="4919"/>
                  </a:lnTo>
                  <a:lnTo>
                    <a:pt x="19426" y="4300"/>
                  </a:lnTo>
                  <a:lnTo>
                    <a:pt x="18951" y="3714"/>
                  </a:lnTo>
                  <a:lnTo>
                    <a:pt x="18437" y="3163"/>
                  </a:lnTo>
                  <a:lnTo>
                    <a:pt x="17885" y="2649"/>
                  </a:lnTo>
                  <a:lnTo>
                    <a:pt x="17299" y="2174"/>
                  </a:lnTo>
                  <a:lnTo>
                    <a:pt x="16681" y="1740"/>
                  </a:lnTo>
                  <a:lnTo>
                    <a:pt x="16031" y="1349"/>
                  </a:lnTo>
                  <a:lnTo>
                    <a:pt x="15353" y="1004"/>
                  </a:lnTo>
                  <a:lnTo>
                    <a:pt x="14648" y="706"/>
                  </a:lnTo>
                  <a:lnTo>
                    <a:pt x="13919" y="457"/>
                  </a:lnTo>
                  <a:lnTo>
                    <a:pt x="13168" y="260"/>
                  </a:lnTo>
                  <a:lnTo>
                    <a:pt x="12396" y="117"/>
                  </a:lnTo>
                  <a:lnTo>
                    <a:pt x="11606" y="30"/>
                  </a:lnTo>
                  <a:lnTo>
                    <a:pt x="10800" y="0"/>
                  </a:lnTo>
                  <a:close/>
                </a:path>
              </a:pathLst>
            </a:custGeom>
            <a:solidFill>
              <a:srgbClr val="466D46"/>
            </a:solidFill>
            <a:ln w="12700" cap="flat">
              <a:noFill/>
              <a:miter lim="400000"/>
            </a:ln>
            <a:effectLst/>
          </p:spPr>
          <p:txBody>
            <a:bodyPr wrap="square" lIns="45718" tIns="45718" rIns="45718" bIns="45718" numCol="1" anchor="t">
              <a:noAutofit/>
            </a:bodyPr>
            <a:lstStyle/>
            <a:p>
              <a:pPr>
                <a:defRPr sz="800">
                  <a:latin typeface="+mj-lt"/>
                  <a:ea typeface="+mj-ea"/>
                  <a:cs typeface="+mj-cs"/>
                  <a:sym typeface="Calibri"/>
                </a:defRPr>
              </a:pPr>
              <a:endParaRPr sz="840"/>
            </a:p>
          </p:txBody>
        </p:sp>
        <p:sp>
          <p:nvSpPr>
            <p:cNvPr id="212" name="object 35"/>
            <p:cNvSpPr/>
            <p:nvPr/>
          </p:nvSpPr>
          <p:spPr>
            <a:xfrm>
              <a:off x="566577" y="4224162"/>
              <a:ext cx="399455" cy="399445"/>
            </a:xfrm>
            <a:custGeom>
              <a:avLst/>
              <a:gdLst/>
              <a:ahLst/>
              <a:cxnLst>
                <a:cxn ang="0">
                  <a:pos x="wd2" y="hd2"/>
                </a:cxn>
                <a:cxn ang="5400000">
                  <a:pos x="wd2" y="hd2"/>
                </a:cxn>
                <a:cxn ang="10800000">
                  <a:pos x="wd2" y="hd2"/>
                </a:cxn>
                <a:cxn ang="16200000">
                  <a:pos x="wd2" y="hd2"/>
                </a:cxn>
              </a:cxnLst>
              <a:rect l="0" t="0" r="r" b="b"/>
              <a:pathLst>
                <a:path w="21600" h="21600" extrusionOk="0">
                  <a:moveTo>
                    <a:pt x="10800" y="0"/>
                  </a:moveTo>
                  <a:lnTo>
                    <a:pt x="9994" y="30"/>
                  </a:lnTo>
                  <a:lnTo>
                    <a:pt x="9204" y="117"/>
                  </a:lnTo>
                  <a:lnTo>
                    <a:pt x="8433" y="260"/>
                  </a:lnTo>
                  <a:lnTo>
                    <a:pt x="7681" y="457"/>
                  </a:lnTo>
                  <a:lnTo>
                    <a:pt x="6952" y="706"/>
                  </a:lnTo>
                  <a:lnTo>
                    <a:pt x="6247" y="1004"/>
                  </a:lnTo>
                  <a:lnTo>
                    <a:pt x="5569" y="1349"/>
                  </a:lnTo>
                  <a:lnTo>
                    <a:pt x="4919" y="1740"/>
                  </a:lnTo>
                  <a:lnTo>
                    <a:pt x="4301" y="2174"/>
                  </a:lnTo>
                  <a:lnTo>
                    <a:pt x="3714" y="2649"/>
                  </a:lnTo>
                  <a:lnTo>
                    <a:pt x="3163" y="3163"/>
                  </a:lnTo>
                  <a:lnTo>
                    <a:pt x="2649" y="3714"/>
                  </a:lnTo>
                  <a:lnTo>
                    <a:pt x="2174" y="4300"/>
                  </a:lnTo>
                  <a:lnTo>
                    <a:pt x="1740" y="4919"/>
                  </a:lnTo>
                  <a:lnTo>
                    <a:pt x="1349" y="5569"/>
                  </a:lnTo>
                  <a:lnTo>
                    <a:pt x="1004" y="6247"/>
                  </a:lnTo>
                  <a:lnTo>
                    <a:pt x="706" y="6952"/>
                  </a:lnTo>
                  <a:lnTo>
                    <a:pt x="457" y="7681"/>
                  </a:lnTo>
                  <a:lnTo>
                    <a:pt x="260" y="8432"/>
                  </a:lnTo>
                  <a:lnTo>
                    <a:pt x="117" y="9204"/>
                  </a:lnTo>
                  <a:lnTo>
                    <a:pt x="30" y="9994"/>
                  </a:lnTo>
                  <a:lnTo>
                    <a:pt x="0" y="10800"/>
                  </a:lnTo>
                  <a:lnTo>
                    <a:pt x="30" y="11606"/>
                  </a:lnTo>
                  <a:lnTo>
                    <a:pt x="117" y="12396"/>
                  </a:lnTo>
                  <a:lnTo>
                    <a:pt x="260" y="13168"/>
                  </a:lnTo>
                  <a:lnTo>
                    <a:pt x="457" y="13919"/>
                  </a:lnTo>
                  <a:lnTo>
                    <a:pt x="706" y="14648"/>
                  </a:lnTo>
                  <a:lnTo>
                    <a:pt x="1004" y="15353"/>
                  </a:lnTo>
                  <a:lnTo>
                    <a:pt x="1349" y="16031"/>
                  </a:lnTo>
                  <a:lnTo>
                    <a:pt x="1740" y="16681"/>
                  </a:lnTo>
                  <a:lnTo>
                    <a:pt x="2174" y="17300"/>
                  </a:lnTo>
                  <a:lnTo>
                    <a:pt x="2649" y="17886"/>
                  </a:lnTo>
                  <a:lnTo>
                    <a:pt x="3163" y="18437"/>
                  </a:lnTo>
                  <a:lnTo>
                    <a:pt x="3714" y="18951"/>
                  </a:lnTo>
                  <a:lnTo>
                    <a:pt x="4301" y="19426"/>
                  </a:lnTo>
                  <a:lnTo>
                    <a:pt x="4919" y="19860"/>
                  </a:lnTo>
                  <a:lnTo>
                    <a:pt x="5569" y="20251"/>
                  </a:lnTo>
                  <a:lnTo>
                    <a:pt x="6247" y="20596"/>
                  </a:lnTo>
                  <a:lnTo>
                    <a:pt x="6952" y="20894"/>
                  </a:lnTo>
                  <a:lnTo>
                    <a:pt x="7681" y="21143"/>
                  </a:lnTo>
                  <a:lnTo>
                    <a:pt x="8433" y="21340"/>
                  </a:lnTo>
                  <a:lnTo>
                    <a:pt x="9204" y="21483"/>
                  </a:lnTo>
                  <a:lnTo>
                    <a:pt x="9994" y="21570"/>
                  </a:lnTo>
                  <a:lnTo>
                    <a:pt x="10800" y="21600"/>
                  </a:lnTo>
                  <a:lnTo>
                    <a:pt x="11606" y="21570"/>
                  </a:lnTo>
                  <a:lnTo>
                    <a:pt x="12396" y="21483"/>
                  </a:lnTo>
                  <a:lnTo>
                    <a:pt x="13168" y="21340"/>
                  </a:lnTo>
                  <a:lnTo>
                    <a:pt x="13919" y="21143"/>
                  </a:lnTo>
                  <a:lnTo>
                    <a:pt x="14648" y="20894"/>
                  </a:lnTo>
                  <a:lnTo>
                    <a:pt x="15353" y="20596"/>
                  </a:lnTo>
                  <a:lnTo>
                    <a:pt x="16031" y="20251"/>
                  </a:lnTo>
                  <a:lnTo>
                    <a:pt x="16681" y="19860"/>
                  </a:lnTo>
                  <a:lnTo>
                    <a:pt x="17299" y="19426"/>
                  </a:lnTo>
                  <a:lnTo>
                    <a:pt x="17885" y="18951"/>
                  </a:lnTo>
                  <a:lnTo>
                    <a:pt x="18437" y="18437"/>
                  </a:lnTo>
                  <a:lnTo>
                    <a:pt x="18951" y="17886"/>
                  </a:lnTo>
                  <a:lnTo>
                    <a:pt x="19426" y="17300"/>
                  </a:lnTo>
                  <a:lnTo>
                    <a:pt x="19860" y="16681"/>
                  </a:lnTo>
                  <a:lnTo>
                    <a:pt x="20251" y="16031"/>
                  </a:lnTo>
                  <a:lnTo>
                    <a:pt x="20596" y="15353"/>
                  </a:lnTo>
                  <a:lnTo>
                    <a:pt x="20894" y="14648"/>
                  </a:lnTo>
                  <a:lnTo>
                    <a:pt x="21143" y="13919"/>
                  </a:lnTo>
                  <a:lnTo>
                    <a:pt x="21340" y="13168"/>
                  </a:lnTo>
                  <a:lnTo>
                    <a:pt x="21483" y="12396"/>
                  </a:lnTo>
                  <a:lnTo>
                    <a:pt x="21570" y="11606"/>
                  </a:lnTo>
                  <a:lnTo>
                    <a:pt x="21600" y="10800"/>
                  </a:lnTo>
                  <a:lnTo>
                    <a:pt x="21570" y="9994"/>
                  </a:lnTo>
                  <a:lnTo>
                    <a:pt x="21483" y="9204"/>
                  </a:lnTo>
                  <a:lnTo>
                    <a:pt x="21340" y="8432"/>
                  </a:lnTo>
                  <a:lnTo>
                    <a:pt x="21143" y="7681"/>
                  </a:lnTo>
                  <a:lnTo>
                    <a:pt x="20894" y="6952"/>
                  </a:lnTo>
                  <a:lnTo>
                    <a:pt x="20596" y="6247"/>
                  </a:lnTo>
                  <a:lnTo>
                    <a:pt x="20251" y="5569"/>
                  </a:lnTo>
                  <a:lnTo>
                    <a:pt x="19860" y="4919"/>
                  </a:lnTo>
                  <a:lnTo>
                    <a:pt x="19426" y="4300"/>
                  </a:lnTo>
                  <a:lnTo>
                    <a:pt x="18951" y="3714"/>
                  </a:lnTo>
                  <a:lnTo>
                    <a:pt x="18437" y="3163"/>
                  </a:lnTo>
                  <a:lnTo>
                    <a:pt x="17885" y="2649"/>
                  </a:lnTo>
                  <a:lnTo>
                    <a:pt x="17299" y="2174"/>
                  </a:lnTo>
                  <a:lnTo>
                    <a:pt x="16681" y="1740"/>
                  </a:lnTo>
                  <a:lnTo>
                    <a:pt x="16031" y="1349"/>
                  </a:lnTo>
                  <a:lnTo>
                    <a:pt x="15353" y="1004"/>
                  </a:lnTo>
                  <a:lnTo>
                    <a:pt x="14648" y="706"/>
                  </a:lnTo>
                  <a:lnTo>
                    <a:pt x="13919" y="457"/>
                  </a:lnTo>
                  <a:lnTo>
                    <a:pt x="13168" y="260"/>
                  </a:lnTo>
                  <a:lnTo>
                    <a:pt x="12396" y="117"/>
                  </a:lnTo>
                  <a:lnTo>
                    <a:pt x="11606" y="30"/>
                  </a:lnTo>
                  <a:lnTo>
                    <a:pt x="10800" y="0"/>
                  </a:lnTo>
                  <a:close/>
                </a:path>
              </a:pathLst>
            </a:custGeom>
            <a:solidFill>
              <a:srgbClr val="638695"/>
            </a:solidFill>
            <a:ln w="12700" cap="flat">
              <a:noFill/>
              <a:miter lim="400000"/>
            </a:ln>
            <a:effectLst/>
          </p:spPr>
          <p:txBody>
            <a:bodyPr wrap="square" lIns="45718" tIns="45718" rIns="45718" bIns="45718" numCol="1" anchor="t">
              <a:noAutofit/>
            </a:bodyPr>
            <a:lstStyle/>
            <a:p>
              <a:pPr>
                <a:defRPr sz="800">
                  <a:latin typeface="+mj-lt"/>
                  <a:ea typeface="+mj-ea"/>
                  <a:cs typeface="+mj-cs"/>
                  <a:sym typeface="Calibri"/>
                </a:defRPr>
              </a:pPr>
              <a:endParaRPr sz="840"/>
            </a:p>
          </p:txBody>
        </p:sp>
        <p:sp>
          <p:nvSpPr>
            <p:cNvPr id="213" name="object 36"/>
            <p:cNvSpPr/>
            <p:nvPr/>
          </p:nvSpPr>
          <p:spPr>
            <a:xfrm>
              <a:off x="1122972" y="4779318"/>
              <a:ext cx="399457" cy="399448"/>
            </a:xfrm>
            <a:custGeom>
              <a:avLst/>
              <a:gdLst/>
              <a:ahLst/>
              <a:cxnLst>
                <a:cxn ang="0">
                  <a:pos x="wd2" y="hd2"/>
                </a:cxn>
                <a:cxn ang="5400000">
                  <a:pos x="wd2" y="hd2"/>
                </a:cxn>
                <a:cxn ang="10800000">
                  <a:pos x="wd2" y="hd2"/>
                </a:cxn>
                <a:cxn ang="16200000">
                  <a:pos x="wd2" y="hd2"/>
                </a:cxn>
              </a:cxnLst>
              <a:rect l="0" t="0" r="r" b="b"/>
              <a:pathLst>
                <a:path w="21600" h="21600" extrusionOk="0">
                  <a:moveTo>
                    <a:pt x="10800" y="0"/>
                  </a:moveTo>
                  <a:lnTo>
                    <a:pt x="9994" y="30"/>
                  </a:lnTo>
                  <a:lnTo>
                    <a:pt x="9205" y="117"/>
                  </a:lnTo>
                  <a:lnTo>
                    <a:pt x="8433" y="260"/>
                  </a:lnTo>
                  <a:lnTo>
                    <a:pt x="7681" y="457"/>
                  </a:lnTo>
                  <a:lnTo>
                    <a:pt x="6952" y="706"/>
                  </a:lnTo>
                  <a:lnTo>
                    <a:pt x="6247" y="1004"/>
                  </a:lnTo>
                  <a:lnTo>
                    <a:pt x="5569" y="1349"/>
                  </a:lnTo>
                  <a:lnTo>
                    <a:pt x="4920" y="1740"/>
                  </a:lnTo>
                  <a:lnTo>
                    <a:pt x="4301" y="2174"/>
                  </a:lnTo>
                  <a:lnTo>
                    <a:pt x="3715" y="2649"/>
                  </a:lnTo>
                  <a:lnTo>
                    <a:pt x="3164" y="3163"/>
                  </a:lnTo>
                  <a:lnTo>
                    <a:pt x="2649" y="3714"/>
                  </a:lnTo>
                  <a:lnTo>
                    <a:pt x="2174" y="4300"/>
                  </a:lnTo>
                  <a:lnTo>
                    <a:pt x="1740" y="4919"/>
                  </a:lnTo>
                  <a:lnTo>
                    <a:pt x="1349" y="5569"/>
                  </a:lnTo>
                  <a:lnTo>
                    <a:pt x="1004" y="6247"/>
                  </a:lnTo>
                  <a:lnTo>
                    <a:pt x="706" y="6952"/>
                  </a:lnTo>
                  <a:lnTo>
                    <a:pt x="457" y="7681"/>
                  </a:lnTo>
                  <a:lnTo>
                    <a:pt x="260" y="8432"/>
                  </a:lnTo>
                  <a:lnTo>
                    <a:pt x="117" y="9204"/>
                  </a:lnTo>
                  <a:lnTo>
                    <a:pt x="30" y="9994"/>
                  </a:lnTo>
                  <a:lnTo>
                    <a:pt x="0" y="10800"/>
                  </a:lnTo>
                  <a:lnTo>
                    <a:pt x="30" y="11606"/>
                  </a:lnTo>
                  <a:lnTo>
                    <a:pt x="117" y="12396"/>
                  </a:lnTo>
                  <a:lnTo>
                    <a:pt x="260" y="13168"/>
                  </a:lnTo>
                  <a:lnTo>
                    <a:pt x="457" y="13919"/>
                  </a:lnTo>
                  <a:lnTo>
                    <a:pt x="706" y="14648"/>
                  </a:lnTo>
                  <a:lnTo>
                    <a:pt x="1004" y="15353"/>
                  </a:lnTo>
                  <a:lnTo>
                    <a:pt x="1349" y="16031"/>
                  </a:lnTo>
                  <a:lnTo>
                    <a:pt x="1740" y="16681"/>
                  </a:lnTo>
                  <a:lnTo>
                    <a:pt x="2174" y="17300"/>
                  </a:lnTo>
                  <a:lnTo>
                    <a:pt x="2649" y="17886"/>
                  </a:lnTo>
                  <a:lnTo>
                    <a:pt x="3164" y="18437"/>
                  </a:lnTo>
                  <a:lnTo>
                    <a:pt x="3715" y="18951"/>
                  </a:lnTo>
                  <a:lnTo>
                    <a:pt x="4301" y="19426"/>
                  </a:lnTo>
                  <a:lnTo>
                    <a:pt x="4920" y="19860"/>
                  </a:lnTo>
                  <a:lnTo>
                    <a:pt x="5569" y="20251"/>
                  </a:lnTo>
                  <a:lnTo>
                    <a:pt x="6247" y="20596"/>
                  </a:lnTo>
                  <a:lnTo>
                    <a:pt x="6952" y="20894"/>
                  </a:lnTo>
                  <a:lnTo>
                    <a:pt x="7681" y="21143"/>
                  </a:lnTo>
                  <a:lnTo>
                    <a:pt x="8433" y="21340"/>
                  </a:lnTo>
                  <a:lnTo>
                    <a:pt x="9205" y="21483"/>
                  </a:lnTo>
                  <a:lnTo>
                    <a:pt x="9994" y="21570"/>
                  </a:lnTo>
                  <a:lnTo>
                    <a:pt x="10800" y="21600"/>
                  </a:lnTo>
                  <a:lnTo>
                    <a:pt x="11606" y="21570"/>
                  </a:lnTo>
                  <a:lnTo>
                    <a:pt x="12396" y="21483"/>
                  </a:lnTo>
                  <a:lnTo>
                    <a:pt x="13168" y="21340"/>
                  </a:lnTo>
                  <a:lnTo>
                    <a:pt x="13920" y="21143"/>
                  </a:lnTo>
                  <a:lnTo>
                    <a:pt x="14649" y="20894"/>
                  </a:lnTo>
                  <a:lnTo>
                    <a:pt x="15353" y="20596"/>
                  </a:lnTo>
                  <a:lnTo>
                    <a:pt x="16032" y="20251"/>
                  </a:lnTo>
                  <a:lnTo>
                    <a:pt x="16681" y="19860"/>
                  </a:lnTo>
                  <a:lnTo>
                    <a:pt x="17300" y="19426"/>
                  </a:lnTo>
                  <a:lnTo>
                    <a:pt x="17886" y="18951"/>
                  </a:lnTo>
                  <a:lnTo>
                    <a:pt x="18437" y="18437"/>
                  </a:lnTo>
                  <a:lnTo>
                    <a:pt x="18951" y="17886"/>
                  </a:lnTo>
                  <a:lnTo>
                    <a:pt x="19426" y="17300"/>
                  </a:lnTo>
                  <a:lnTo>
                    <a:pt x="19860" y="16681"/>
                  </a:lnTo>
                  <a:lnTo>
                    <a:pt x="20251" y="16031"/>
                  </a:lnTo>
                  <a:lnTo>
                    <a:pt x="20596" y="15353"/>
                  </a:lnTo>
                  <a:lnTo>
                    <a:pt x="20894" y="14648"/>
                  </a:lnTo>
                  <a:lnTo>
                    <a:pt x="21143" y="13919"/>
                  </a:lnTo>
                  <a:lnTo>
                    <a:pt x="21340" y="13168"/>
                  </a:lnTo>
                  <a:lnTo>
                    <a:pt x="21483" y="12396"/>
                  </a:lnTo>
                  <a:lnTo>
                    <a:pt x="21570" y="11606"/>
                  </a:lnTo>
                  <a:lnTo>
                    <a:pt x="21600" y="10800"/>
                  </a:lnTo>
                  <a:lnTo>
                    <a:pt x="21570" y="9994"/>
                  </a:lnTo>
                  <a:lnTo>
                    <a:pt x="21483" y="9204"/>
                  </a:lnTo>
                  <a:lnTo>
                    <a:pt x="21340" y="8432"/>
                  </a:lnTo>
                  <a:lnTo>
                    <a:pt x="21143" y="7681"/>
                  </a:lnTo>
                  <a:lnTo>
                    <a:pt x="20894" y="6952"/>
                  </a:lnTo>
                  <a:lnTo>
                    <a:pt x="20596" y="6247"/>
                  </a:lnTo>
                  <a:lnTo>
                    <a:pt x="20251" y="5569"/>
                  </a:lnTo>
                  <a:lnTo>
                    <a:pt x="19860" y="4919"/>
                  </a:lnTo>
                  <a:lnTo>
                    <a:pt x="19426" y="4300"/>
                  </a:lnTo>
                  <a:lnTo>
                    <a:pt x="18951" y="3714"/>
                  </a:lnTo>
                  <a:lnTo>
                    <a:pt x="18437" y="3163"/>
                  </a:lnTo>
                  <a:lnTo>
                    <a:pt x="17886" y="2649"/>
                  </a:lnTo>
                  <a:lnTo>
                    <a:pt x="17300" y="2174"/>
                  </a:lnTo>
                  <a:lnTo>
                    <a:pt x="16681" y="1740"/>
                  </a:lnTo>
                  <a:lnTo>
                    <a:pt x="16032" y="1349"/>
                  </a:lnTo>
                  <a:lnTo>
                    <a:pt x="15353" y="1004"/>
                  </a:lnTo>
                  <a:lnTo>
                    <a:pt x="14649" y="706"/>
                  </a:lnTo>
                  <a:lnTo>
                    <a:pt x="13920" y="457"/>
                  </a:lnTo>
                  <a:lnTo>
                    <a:pt x="13168" y="260"/>
                  </a:lnTo>
                  <a:lnTo>
                    <a:pt x="12396" y="117"/>
                  </a:lnTo>
                  <a:lnTo>
                    <a:pt x="11606" y="30"/>
                  </a:lnTo>
                  <a:lnTo>
                    <a:pt x="10800" y="0"/>
                  </a:lnTo>
                  <a:close/>
                </a:path>
              </a:pathLst>
            </a:custGeom>
            <a:solidFill>
              <a:srgbClr val="DCAE73"/>
            </a:solidFill>
            <a:ln w="12700" cap="flat">
              <a:noFill/>
              <a:miter lim="400000"/>
            </a:ln>
            <a:effectLst/>
          </p:spPr>
          <p:txBody>
            <a:bodyPr wrap="square" lIns="45718" tIns="45718" rIns="45718" bIns="45718" numCol="1" anchor="t">
              <a:noAutofit/>
            </a:bodyPr>
            <a:lstStyle/>
            <a:p>
              <a:pPr>
                <a:defRPr sz="800">
                  <a:latin typeface="+mj-lt"/>
                  <a:ea typeface="+mj-ea"/>
                  <a:cs typeface="+mj-cs"/>
                  <a:sym typeface="Calibri"/>
                </a:defRPr>
              </a:pPr>
              <a:endParaRPr sz="840"/>
            </a:p>
          </p:txBody>
        </p:sp>
        <p:sp>
          <p:nvSpPr>
            <p:cNvPr id="214" name="object 37"/>
            <p:cNvSpPr/>
            <p:nvPr/>
          </p:nvSpPr>
          <p:spPr>
            <a:xfrm>
              <a:off x="1678959" y="4779318"/>
              <a:ext cx="399457" cy="399448"/>
            </a:xfrm>
            <a:custGeom>
              <a:avLst/>
              <a:gdLst/>
              <a:ahLst/>
              <a:cxnLst>
                <a:cxn ang="0">
                  <a:pos x="wd2" y="hd2"/>
                </a:cxn>
                <a:cxn ang="5400000">
                  <a:pos x="wd2" y="hd2"/>
                </a:cxn>
                <a:cxn ang="10800000">
                  <a:pos x="wd2" y="hd2"/>
                </a:cxn>
                <a:cxn ang="16200000">
                  <a:pos x="wd2" y="hd2"/>
                </a:cxn>
              </a:cxnLst>
              <a:rect l="0" t="0" r="r" b="b"/>
              <a:pathLst>
                <a:path w="21600" h="21600" extrusionOk="0">
                  <a:moveTo>
                    <a:pt x="10799" y="0"/>
                  </a:moveTo>
                  <a:lnTo>
                    <a:pt x="9993" y="30"/>
                  </a:lnTo>
                  <a:lnTo>
                    <a:pt x="9204" y="117"/>
                  </a:lnTo>
                  <a:lnTo>
                    <a:pt x="8432" y="260"/>
                  </a:lnTo>
                  <a:lnTo>
                    <a:pt x="7680" y="457"/>
                  </a:lnTo>
                  <a:lnTo>
                    <a:pt x="6951" y="706"/>
                  </a:lnTo>
                  <a:lnTo>
                    <a:pt x="6247" y="1004"/>
                  </a:lnTo>
                  <a:lnTo>
                    <a:pt x="5568" y="1349"/>
                  </a:lnTo>
                  <a:lnTo>
                    <a:pt x="4919" y="1740"/>
                  </a:lnTo>
                  <a:lnTo>
                    <a:pt x="4300" y="2174"/>
                  </a:lnTo>
                  <a:lnTo>
                    <a:pt x="3714" y="2649"/>
                  </a:lnTo>
                  <a:lnTo>
                    <a:pt x="3163" y="3163"/>
                  </a:lnTo>
                  <a:lnTo>
                    <a:pt x="2649" y="3714"/>
                  </a:lnTo>
                  <a:lnTo>
                    <a:pt x="2174" y="4300"/>
                  </a:lnTo>
                  <a:lnTo>
                    <a:pt x="1740" y="4919"/>
                  </a:lnTo>
                  <a:lnTo>
                    <a:pt x="1349" y="5569"/>
                  </a:lnTo>
                  <a:lnTo>
                    <a:pt x="1004" y="6247"/>
                  </a:lnTo>
                  <a:lnTo>
                    <a:pt x="706" y="6952"/>
                  </a:lnTo>
                  <a:lnTo>
                    <a:pt x="457" y="7681"/>
                  </a:lnTo>
                  <a:lnTo>
                    <a:pt x="260" y="8432"/>
                  </a:lnTo>
                  <a:lnTo>
                    <a:pt x="117" y="9204"/>
                  </a:lnTo>
                  <a:lnTo>
                    <a:pt x="30" y="9994"/>
                  </a:lnTo>
                  <a:lnTo>
                    <a:pt x="0" y="10800"/>
                  </a:lnTo>
                  <a:lnTo>
                    <a:pt x="30" y="11606"/>
                  </a:lnTo>
                  <a:lnTo>
                    <a:pt x="117" y="12396"/>
                  </a:lnTo>
                  <a:lnTo>
                    <a:pt x="260" y="13168"/>
                  </a:lnTo>
                  <a:lnTo>
                    <a:pt x="457" y="13919"/>
                  </a:lnTo>
                  <a:lnTo>
                    <a:pt x="706" y="14648"/>
                  </a:lnTo>
                  <a:lnTo>
                    <a:pt x="1004" y="15353"/>
                  </a:lnTo>
                  <a:lnTo>
                    <a:pt x="1349" y="16031"/>
                  </a:lnTo>
                  <a:lnTo>
                    <a:pt x="1740" y="16681"/>
                  </a:lnTo>
                  <a:lnTo>
                    <a:pt x="2174" y="17300"/>
                  </a:lnTo>
                  <a:lnTo>
                    <a:pt x="2649" y="17886"/>
                  </a:lnTo>
                  <a:lnTo>
                    <a:pt x="3163" y="18437"/>
                  </a:lnTo>
                  <a:lnTo>
                    <a:pt x="3714" y="18951"/>
                  </a:lnTo>
                  <a:lnTo>
                    <a:pt x="4300" y="19426"/>
                  </a:lnTo>
                  <a:lnTo>
                    <a:pt x="4919" y="19860"/>
                  </a:lnTo>
                  <a:lnTo>
                    <a:pt x="5568" y="20251"/>
                  </a:lnTo>
                  <a:lnTo>
                    <a:pt x="6247" y="20596"/>
                  </a:lnTo>
                  <a:lnTo>
                    <a:pt x="6951" y="20894"/>
                  </a:lnTo>
                  <a:lnTo>
                    <a:pt x="7680" y="21143"/>
                  </a:lnTo>
                  <a:lnTo>
                    <a:pt x="8432" y="21340"/>
                  </a:lnTo>
                  <a:lnTo>
                    <a:pt x="9204" y="21483"/>
                  </a:lnTo>
                  <a:lnTo>
                    <a:pt x="9993" y="21570"/>
                  </a:lnTo>
                  <a:lnTo>
                    <a:pt x="10799" y="21600"/>
                  </a:lnTo>
                  <a:lnTo>
                    <a:pt x="11606" y="21570"/>
                  </a:lnTo>
                  <a:lnTo>
                    <a:pt x="12395" y="21483"/>
                  </a:lnTo>
                  <a:lnTo>
                    <a:pt x="13167" y="21340"/>
                  </a:lnTo>
                  <a:lnTo>
                    <a:pt x="13919" y="21143"/>
                  </a:lnTo>
                  <a:lnTo>
                    <a:pt x="14648" y="20894"/>
                  </a:lnTo>
                  <a:lnTo>
                    <a:pt x="15353" y="20596"/>
                  </a:lnTo>
                  <a:lnTo>
                    <a:pt x="16031" y="20251"/>
                  </a:lnTo>
                  <a:lnTo>
                    <a:pt x="16680" y="19860"/>
                  </a:lnTo>
                  <a:lnTo>
                    <a:pt x="17299" y="19426"/>
                  </a:lnTo>
                  <a:lnTo>
                    <a:pt x="17885" y="18951"/>
                  </a:lnTo>
                  <a:lnTo>
                    <a:pt x="18436" y="18437"/>
                  </a:lnTo>
                  <a:lnTo>
                    <a:pt x="18951" y="17886"/>
                  </a:lnTo>
                  <a:lnTo>
                    <a:pt x="19426" y="17300"/>
                  </a:lnTo>
                  <a:lnTo>
                    <a:pt x="19860" y="16681"/>
                  </a:lnTo>
                  <a:lnTo>
                    <a:pt x="20251" y="16031"/>
                  </a:lnTo>
                  <a:lnTo>
                    <a:pt x="20596" y="15353"/>
                  </a:lnTo>
                  <a:lnTo>
                    <a:pt x="20894" y="14648"/>
                  </a:lnTo>
                  <a:lnTo>
                    <a:pt x="21143" y="13919"/>
                  </a:lnTo>
                  <a:lnTo>
                    <a:pt x="21340" y="13168"/>
                  </a:lnTo>
                  <a:lnTo>
                    <a:pt x="21483" y="12396"/>
                  </a:lnTo>
                  <a:lnTo>
                    <a:pt x="21570" y="11606"/>
                  </a:lnTo>
                  <a:lnTo>
                    <a:pt x="21600" y="10800"/>
                  </a:lnTo>
                  <a:lnTo>
                    <a:pt x="21570" y="9994"/>
                  </a:lnTo>
                  <a:lnTo>
                    <a:pt x="21483" y="9204"/>
                  </a:lnTo>
                  <a:lnTo>
                    <a:pt x="21340" y="8432"/>
                  </a:lnTo>
                  <a:lnTo>
                    <a:pt x="21143" y="7681"/>
                  </a:lnTo>
                  <a:lnTo>
                    <a:pt x="20894" y="6952"/>
                  </a:lnTo>
                  <a:lnTo>
                    <a:pt x="20596" y="6247"/>
                  </a:lnTo>
                  <a:lnTo>
                    <a:pt x="20251" y="5569"/>
                  </a:lnTo>
                  <a:lnTo>
                    <a:pt x="19860" y="4919"/>
                  </a:lnTo>
                  <a:lnTo>
                    <a:pt x="19426" y="4300"/>
                  </a:lnTo>
                  <a:lnTo>
                    <a:pt x="18951" y="3714"/>
                  </a:lnTo>
                  <a:lnTo>
                    <a:pt x="18436" y="3163"/>
                  </a:lnTo>
                  <a:lnTo>
                    <a:pt x="17885" y="2649"/>
                  </a:lnTo>
                  <a:lnTo>
                    <a:pt x="17299" y="2174"/>
                  </a:lnTo>
                  <a:lnTo>
                    <a:pt x="16680" y="1740"/>
                  </a:lnTo>
                  <a:lnTo>
                    <a:pt x="16031" y="1349"/>
                  </a:lnTo>
                  <a:lnTo>
                    <a:pt x="15353" y="1004"/>
                  </a:lnTo>
                  <a:lnTo>
                    <a:pt x="14648" y="706"/>
                  </a:lnTo>
                  <a:lnTo>
                    <a:pt x="13919" y="457"/>
                  </a:lnTo>
                  <a:lnTo>
                    <a:pt x="13167" y="260"/>
                  </a:lnTo>
                  <a:lnTo>
                    <a:pt x="12395" y="117"/>
                  </a:lnTo>
                  <a:lnTo>
                    <a:pt x="11606" y="30"/>
                  </a:lnTo>
                  <a:lnTo>
                    <a:pt x="10799" y="0"/>
                  </a:lnTo>
                  <a:close/>
                </a:path>
              </a:pathLst>
            </a:custGeom>
            <a:solidFill>
              <a:srgbClr val="EBD2C3"/>
            </a:solidFill>
            <a:ln w="12700" cap="flat">
              <a:noFill/>
              <a:miter lim="400000"/>
            </a:ln>
            <a:effectLst/>
          </p:spPr>
          <p:txBody>
            <a:bodyPr wrap="square" lIns="45718" tIns="45718" rIns="45718" bIns="45718" numCol="1" anchor="t">
              <a:noAutofit/>
            </a:bodyPr>
            <a:lstStyle/>
            <a:p>
              <a:pPr>
                <a:defRPr sz="800">
                  <a:latin typeface="+mj-lt"/>
                  <a:ea typeface="+mj-ea"/>
                  <a:cs typeface="+mj-cs"/>
                  <a:sym typeface="Calibri"/>
                </a:defRPr>
              </a:pPr>
              <a:endParaRPr sz="840"/>
            </a:p>
          </p:txBody>
        </p:sp>
        <p:sp>
          <p:nvSpPr>
            <p:cNvPr id="215" name="object 38"/>
            <p:cNvSpPr/>
            <p:nvPr/>
          </p:nvSpPr>
          <p:spPr>
            <a:xfrm>
              <a:off x="0" y="4224162"/>
              <a:ext cx="399457" cy="399445"/>
            </a:xfrm>
            <a:custGeom>
              <a:avLst/>
              <a:gdLst/>
              <a:ahLst/>
              <a:cxnLst>
                <a:cxn ang="0">
                  <a:pos x="wd2" y="hd2"/>
                </a:cxn>
                <a:cxn ang="5400000">
                  <a:pos x="wd2" y="hd2"/>
                </a:cxn>
                <a:cxn ang="10800000">
                  <a:pos x="wd2" y="hd2"/>
                </a:cxn>
                <a:cxn ang="16200000">
                  <a:pos x="wd2" y="hd2"/>
                </a:cxn>
              </a:cxnLst>
              <a:rect l="0" t="0" r="r" b="b"/>
              <a:pathLst>
                <a:path w="21600" h="21600" extrusionOk="0">
                  <a:moveTo>
                    <a:pt x="10800" y="0"/>
                  </a:moveTo>
                  <a:lnTo>
                    <a:pt x="9994" y="30"/>
                  </a:lnTo>
                  <a:lnTo>
                    <a:pt x="9204" y="117"/>
                  </a:lnTo>
                  <a:lnTo>
                    <a:pt x="8432" y="260"/>
                  </a:lnTo>
                  <a:lnTo>
                    <a:pt x="7681" y="457"/>
                  </a:lnTo>
                  <a:lnTo>
                    <a:pt x="6952" y="706"/>
                  </a:lnTo>
                  <a:lnTo>
                    <a:pt x="6247" y="1004"/>
                  </a:lnTo>
                  <a:lnTo>
                    <a:pt x="5569" y="1349"/>
                  </a:lnTo>
                  <a:lnTo>
                    <a:pt x="4919" y="1740"/>
                  </a:lnTo>
                  <a:lnTo>
                    <a:pt x="4300" y="2174"/>
                  </a:lnTo>
                  <a:lnTo>
                    <a:pt x="3714" y="2649"/>
                  </a:lnTo>
                  <a:lnTo>
                    <a:pt x="3163" y="3163"/>
                  </a:lnTo>
                  <a:lnTo>
                    <a:pt x="2649" y="3714"/>
                  </a:lnTo>
                  <a:lnTo>
                    <a:pt x="2174" y="4300"/>
                  </a:lnTo>
                  <a:lnTo>
                    <a:pt x="1740" y="4919"/>
                  </a:lnTo>
                  <a:lnTo>
                    <a:pt x="1349" y="5569"/>
                  </a:lnTo>
                  <a:lnTo>
                    <a:pt x="1004" y="6247"/>
                  </a:lnTo>
                  <a:lnTo>
                    <a:pt x="706" y="6952"/>
                  </a:lnTo>
                  <a:lnTo>
                    <a:pt x="457" y="7681"/>
                  </a:lnTo>
                  <a:lnTo>
                    <a:pt x="260" y="8432"/>
                  </a:lnTo>
                  <a:lnTo>
                    <a:pt x="117" y="9204"/>
                  </a:lnTo>
                  <a:lnTo>
                    <a:pt x="30" y="9994"/>
                  </a:lnTo>
                  <a:lnTo>
                    <a:pt x="0" y="10800"/>
                  </a:lnTo>
                  <a:lnTo>
                    <a:pt x="30" y="11606"/>
                  </a:lnTo>
                  <a:lnTo>
                    <a:pt x="117" y="12396"/>
                  </a:lnTo>
                  <a:lnTo>
                    <a:pt x="260" y="13168"/>
                  </a:lnTo>
                  <a:lnTo>
                    <a:pt x="457" y="13919"/>
                  </a:lnTo>
                  <a:lnTo>
                    <a:pt x="706" y="14648"/>
                  </a:lnTo>
                  <a:lnTo>
                    <a:pt x="1004" y="15353"/>
                  </a:lnTo>
                  <a:lnTo>
                    <a:pt x="1349" y="16031"/>
                  </a:lnTo>
                  <a:lnTo>
                    <a:pt x="1740" y="16681"/>
                  </a:lnTo>
                  <a:lnTo>
                    <a:pt x="2174" y="17300"/>
                  </a:lnTo>
                  <a:lnTo>
                    <a:pt x="2649" y="17886"/>
                  </a:lnTo>
                  <a:lnTo>
                    <a:pt x="3163" y="18437"/>
                  </a:lnTo>
                  <a:lnTo>
                    <a:pt x="3714" y="18951"/>
                  </a:lnTo>
                  <a:lnTo>
                    <a:pt x="4300" y="19426"/>
                  </a:lnTo>
                  <a:lnTo>
                    <a:pt x="4919" y="19860"/>
                  </a:lnTo>
                  <a:lnTo>
                    <a:pt x="5569" y="20251"/>
                  </a:lnTo>
                  <a:lnTo>
                    <a:pt x="6247" y="20596"/>
                  </a:lnTo>
                  <a:lnTo>
                    <a:pt x="6952" y="20894"/>
                  </a:lnTo>
                  <a:lnTo>
                    <a:pt x="7681" y="21143"/>
                  </a:lnTo>
                  <a:lnTo>
                    <a:pt x="8432" y="21340"/>
                  </a:lnTo>
                  <a:lnTo>
                    <a:pt x="9204" y="21483"/>
                  </a:lnTo>
                  <a:lnTo>
                    <a:pt x="9994" y="21570"/>
                  </a:lnTo>
                  <a:lnTo>
                    <a:pt x="10800" y="21600"/>
                  </a:lnTo>
                  <a:lnTo>
                    <a:pt x="11606" y="21570"/>
                  </a:lnTo>
                  <a:lnTo>
                    <a:pt x="12396" y="21483"/>
                  </a:lnTo>
                  <a:lnTo>
                    <a:pt x="13168" y="21340"/>
                  </a:lnTo>
                  <a:lnTo>
                    <a:pt x="13919" y="21143"/>
                  </a:lnTo>
                  <a:lnTo>
                    <a:pt x="14648" y="20894"/>
                  </a:lnTo>
                  <a:lnTo>
                    <a:pt x="15353" y="20596"/>
                  </a:lnTo>
                  <a:lnTo>
                    <a:pt x="16031" y="20251"/>
                  </a:lnTo>
                  <a:lnTo>
                    <a:pt x="16681" y="19860"/>
                  </a:lnTo>
                  <a:lnTo>
                    <a:pt x="17300" y="19426"/>
                  </a:lnTo>
                  <a:lnTo>
                    <a:pt x="17886" y="18951"/>
                  </a:lnTo>
                  <a:lnTo>
                    <a:pt x="18437" y="18437"/>
                  </a:lnTo>
                  <a:lnTo>
                    <a:pt x="18951" y="17886"/>
                  </a:lnTo>
                  <a:lnTo>
                    <a:pt x="19426" y="17300"/>
                  </a:lnTo>
                  <a:lnTo>
                    <a:pt x="19860" y="16681"/>
                  </a:lnTo>
                  <a:lnTo>
                    <a:pt x="20251" y="16031"/>
                  </a:lnTo>
                  <a:lnTo>
                    <a:pt x="20596" y="15353"/>
                  </a:lnTo>
                  <a:lnTo>
                    <a:pt x="20894" y="14648"/>
                  </a:lnTo>
                  <a:lnTo>
                    <a:pt x="21143" y="13919"/>
                  </a:lnTo>
                  <a:lnTo>
                    <a:pt x="21340" y="13168"/>
                  </a:lnTo>
                  <a:lnTo>
                    <a:pt x="21483" y="12396"/>
                  </a:lnTo>
                  <a:lnTo>
                    <a:pt x="21570" y="11606"/>
                  </a:lnTo>
                  <a:lnTo>
                    <a:pt x="21600" y="10800"/>
                  </a:lnTo>
                  <a:lnTo>
                    <a:pt x="21570" y="9994"/>
                  </a:lnTo>
                  <a:lnTo>
                    <a:pt x="21483" y="9204"/>
                  </a:lnTo>
                  <a:lnTo>
                    <a:pt x="21340" y="8432"/>
                  </a:lnTo>
                  <a:lnTo>
                    <a:pt x="21143" y="7681"/>
                  </a:lnTo>
                  <a:lnTo>
                    <a:pt x="20894" y="6952"/>
                  </a:lnTo>
                  <a:lnTo>
                    <a:pt x="20596" y="6247"/>
                  </a:lnTo>
                  <a:lnTo>
                    <a:pt x="20251" y="5569"/>
                  </a:lnTo>
                  <a:lnTo>
                    <a:pt x="19860" y="4919"/>
                  </a:lnTo>
                  <a:lnTo>
                    <a:pt x="19426" y="4300"/>
                  </a:lnTo>
                  <a:lnTo>
                    <a:pt x="18951" y="3714"/>
                  </a:lnTo>
                  <a:lnTo>
                    <a:pt x="18437" y="3163"/>
                  </a:lnTo>
                  <a:lnTo>
                    <a:pt x="17886" y="2649"/>
                  </a:lnTo>
                  <a:lnTo>
                    <a:pt x="17300" y="2174"/>
                  </a:lnTo>
                  <a:lnTo>
                    <a:pt x="16681" y="1740"/>
                  </a:lnTo>
                  <a:lnTo>
                    <a:pt x="16031" y="1349"/>
                  </a:lnTo>
                  <a:lnTo>
                    <a:pt x="15353" y="1004"/>
                  </a:lnTo>
                  <a:lnTo>
                    <a:pt x="14648" y="706"/>
                  </a:lnTo>
                  <a:lnTo>
                    <a:pt x="13919" y="457"/>
                  </a:lnTo>
                  <a:lnTo>
                    <a:pt x="13168" y="260"/>
                  </a:lnTo>
                  <a:lnTo>
                    <a:pt x="12396" y="117"/>
                  </a:lnTo>
                  <a:lnTo>
                    <a:pt x="11606" y="30"/>
                  </a:lnTo>
                  <a:lnTo>
                    <a:pt x="10800" y="0"/>
                  </a:lnTo>
                  <a:close/>
                </a:path>
              </a:pathLst>
            </a:custGeom>
            <a:solidFill>
              <a:srgbClr val="373141"/>
            </a:solidFill>
            <a:ln w="12700" cap="flat">
              <a:noFill/>
              <a:miter lim="400000"/>
            </a:ln>
            <a:effectLst/>
          </p:spPr>
          <p:txBody>
            <a:bodyPr wrap="square" lIns="45718" tIns="45718" rIns="45718" bIns="45718" numCol="1" anchor="t">
              <a:noAutofit/>
            </a:bodyPr>
            <a:lstStyle/>
            <a:p>
              <a:pPr>
                <a:defRPr sz="800">
                  <a:latin typeface="+mj-lt"/>
                  <a:ea typeface="+mj-ea"/>
                  <a:cs typeface="+mj-cs"/>
                  <a:sym typeface="Calibri"/>
                </a:defRPr>
              </a:pPr>
              <a:endParaRPr sz="840"/>
            </a:p>
          </p:txBody>
        </p:sp>
        <p:sp>
          <p:nvSpPr>
            <p:cNvPr id="216" name="object 39"/>
            <p:cNvSpPr/>
            <p:nvPr/>
          </p:nvSpPr>
          <p:spPr>
            <a:xfrm>
              <a:off x="0" y="4779318"/>
              <a:ext cx="399455" cy="399448"/>
            </a:xfrm>
            <a:custGeom>
              <a:avLst/>
              <a:gdLst/>
              <a:ahLst/>
              <a:cxnLst>
                <a:cxn ang="0">
                  <a:pos x="wd2" y="hd2"/>
                </a:cxn>
                <a:cxn ang="5400000">
                  <a:pos x="wd2" y="hd2"/>
                </a:cxn>
                <a:cxn ang="10800000">
                  <a:pos x="wd2" y="hd2"/>
                </a:cxn>
                <a:cxn ang="16200000">
                  <a:pos x="wd2" y="hd2"/>
                </a:cxn>
              </a:cxnLst>
              <a:rect l="0" t="0" r="r" b="b"/>
              <a:pathLst>
                <a:path w="21600" h="21600" extrusionOk="0">
                  <a:moveTo>
                    <a:pt x="10800" y="0"/>
                  </a:moveTo>
                  <a:lnTo>
                    <a:pt x="9994" y="30"/>
                  </a:lnTo>
                  <a:lnTo>
                    <a:pt x="9204" y="117"/>
                  </a:lnTo>
                  <a:lnTo>
                    <a:pt x="8432" y="260"/>
                  </a:lnTo>
                  <a:lnTo>
                    <a:pt x="7681" y="457"/>
                  </a:lnTo>
                  <a:lnTo>
                    <a:pt x="6952" y="706"/>
                  </a:lnTo>
                  <a:lnTo>
                    <a:pt x="6247" y="1004"/>
                  </a:lnTo>
                  <a:lnTo>
                    <a:pt x="5569" y="1349"/>
                  </a:lnTo>
                  <a:lnTo>
                    <a:pt x="4919" y="1740"/>
                  </a:lnTo>
                  <a:lnTo>
                    <a:pt x="4300" y="2174"/>
                  </a:lnTo>
                  <a:lnTo>
                    <a:pt x="3714" y="2649"/>
                  </a:lnTo>
                  <a:lnTo>
                    <a:pt x="3163" y="3163"/>
                  </a:lnTo>
                  <a:lnTo>
                    <a:pt x="2649" y="3714"/>
                  </a:lnTo>
                  <a:lnTo>
                    <a:pt x="2174" y="4301"/>
                  </a:lnTo>
                  <a:lnTo>
                    <a:pt x="1740" y="4919"/>
                  </a:lnTo>
                  <a:lnTo>
                    <a:pt x="1349" y="5569"/>
                  </a:lnTo>
                  <a:lnTo>
                    <a:pt x="1004" y="6247"/>
                  </a:lnTo>
                  <a:lnTo>
                    <a:pt x="706" y="6952"/>
                  </a:lnTo>
                  <a:lnTo>
                    <a:pt x="457" y="7681"/>
                  </a:lnTo>
                  <a:lnTo>
                    <a:pt x="260" y="8432"/>
                  </a:lnTo>
                  <a:lnTo>
                    <a:pt x="117" y="9204"/>
                  </a:lnTo>
                  <a:lnTo>
                    <a:pt x="30" y="9994"/>
                  </a:lnTo>
                  <a:lnTo>
                    <a:pt x="0" y="10800"/>
                  </a:lnTo>
                  <a:lnTo>
                    <a:pt x="30" y="11606"/>
                  </a:lnTo>
                  <a:lnTo>
                    <a:pt x="117" y="12396"/>
                  </a:lnTo>
                  <a:lnTo>
                    <a:pt x="260" y="13168"/>
                  </a:lnTo>
                  <a:lnTo>
                    <a:pt x="457" y="13919"/>
                  </a:lnTo>
                  <a:lnTo>
                    <a:pt x="706" y="14648"/>
                  </a:lnTo>
                  <a:lnTo>
                    <a:pt x="1004" y="15353"/>
                  </a:lnTo>
                  <a:lnTo>
                    <a:pt x="1349" y="16031"/>
                  </a:lnTo>
                  <a:lnTo>
                    <a:pt x="1740" y="16681"/>
                  </a:lnTo>
                  <a:lnTo>
                    <a:pt x="2174" y="17300"/>
                  </a:lnTo>
                  <a:lnTo>
                    <a:pt x="2649" y="17886"/>
                  </a:lnTo>
                  <a:lnTo>
                    <a:pt x="3163" y="18437"/>
                  </a:lnTo>
                  <a:lnTo>
                    <a:pt x="3714" y="18951"/>
                  </a:lnTo>
                  <a:lnTo>
                    <a:pt x="4300" y="19426"/>
                  </a:lnTo>
                  <a:lnTo>
                    <a:pt x="4919" y="19860"/>
                  </a:lnTo>
                  <a:lnTo>
                    <a:pt x="5569" y="20251"/>
                  </a:lnTo>
                  <a:lnTo>
                    <a:pt x="6247" y="20596"/>
                  </a:lnTo>
                  <a:lnTo>
                    <a:pt x="6952" y="20894"/>
                  </a:lnTo>
                  <a:lnTo>
                    <a:pt x="7681" y="21143"/>
                  </a:lnTo>
                  <a:lnTo>
                    <a:pt x="8432" y="21340"/>
                  </a:lnTo>
                  <a:lnTo>
                    <a:pt x="9204" y="21483"/>
                  </a:lnTo>
                  <a:lnTo>
                    <a:pt x="9994" y="21570"/>
                  </a:lnTo>
                  <a:lnTo>
                    <a:pt x="10800" y="21600"/>
                  </a:lnTo>
                  <a:lnTo>
                    <a:pt x="11606" y="21570"/>
                  </a:lnTo>
                  <a:lnTo>
                    <a:pt x="12396" y="21483"/>
                  </a:lnTo>
                  <a:lnTo>
                    <a:pt x="13168" y="21340"/>
                  </a:lnTo>
                  <a:lnTo>
                    <a:pt x="13919" y="21143"/>
                  </a:lnTo>
                  <a:lnTo>
                    <a:pt x="14648" y="20894"/>
                  </a:lnTo>
                  <a:lnTo>
                    <a:pt x="15353" y="20596"/>
                  </a:lnTo>
                  <a:lnTo>
                    <a:pt x="16031" y="20251"/>
                  </a:lnTo>
                  <a:lnTo>
                    <a:pt x="16681" y="19860"/>
                  </a:lnTo>
                  <a:lnTo>
                    <a:pt x="17300" y="19426"/>
                  </a:lnTo>
                  <a:lnTo>
                    <a:pt x="17886" y="18951"/>
                  </a:lnTo>
                  <a:lnTo>
                    <a:pt x="18437" y="18437"/>
                  </a:lnTo>
                  <a:lnTo>
                    <a:pt x="18951" y="17886"/>
                  </a:lnTo>
                  <a:lnTo>
                    <a:pt x="19426" y="17300"/>
                  </a:lnTo>
                  <a:lnTo>
                    <a:pt x="19860" y="16681"/>
                  </a:lnTo>
                  <a:lnTo>
                    <a:pt x="20251" y="16031"/>
                  </a:lnTo>
                  <a:lnTo>
                    <a:pt x="20596" y="15353"/>
                  </a:lnTo>
                  <a:lnTo>
                    <a:pt x="20894" y="14648"/>
                  </a:lnTo>
                  <a:lnTo>
                    <a:pt x="21143" y="13919"/>
                  </a:lnTo>
                  <a:lnTo>
                    <a:pt x="21340" y="13168"/>
                  </a:lnTo>
                  <a:lnTo>
                    <a:pt x="21483" y="12396"/>
                  </a:lnTo>
                  <a:lnTo>
                    <a:pt x="21570" y="11606"/>
                  </a:lnTo>
                  <a:lnTo>
                    <a:pt x="21600" y="10800"/>
                  </a:lnTo>
                  <a:lnTo>
                    <a:pt x="21570" y="9994"/>
                  </a:lnTo>
                  <a:lnTo>
                    <a:pt x="21483" y="9204"/>
                  </a:lnTo>
                  <a:lnTo>
                    <a:pt x="21340" y="8432"/>
                  </a:lnTo>
                  <a:lnTo>
                    <a:pt x="21143" y="7681"/>
                  </a:lnTo>
                  <a:lnTo>
                    <a:pt x="20894" y="6952"/>
                  </a:lnTo>
                  <a:lnTo>
                    <a:pt x="20596" y="6247"/>
                  </a:lnTo>
                  <a:lnTo>
                    <a:pt x="20251" y="5569"/>
                  </a:lnTo>
                  <a:lnTo>
                    <a:pt x="19860" y="4919"/>
                  </a:lnTo>
                  <a:lnTo>
                    <a:pt x="19426" y="4301"/>
                  </a:lnTo>
                  <a:lnTo>
                    <a:pt x="18951" y="3714"/>
                  </a:lnTo>
                  <a:lnTo>
                    <a:pt x="18437" y="3163"/>
                  </a:lnTo>
                  <a:lnTo>
                    <a:pt x="17886" y="2649"/>
                  </a:lnTo>
                  <a:lnTo>
                    <a:pt x="17300" y="2174"/>
                  </a:lnTo>
                  <a:lnTo>
                    <a:pt x="16681" y="1740"/>
                  </a:lnTo>
                  <a:lnTo>
                    <a:pt x="16031" y="1349"/>
                  </a:lnTo>
                  <a:lnTo>
                    <a:pt x="15353" y="1004"/>
                  </a:lnTo>
                  <a:lnTo>
                    <a:pt x="14648" y="706"/>
                  </a:lnTo>
                  <a:lnTo>
                    <a:pt x="13919" y="457"/>
                  </a:lnTo>
                  <a:lnTo>
                    <a:pt x="13168" y="260"/>
                  </a:lnTo>
                  <a:lnTo>
                    <a:pt x="12396" y="117"/>
                  </a:lnTo>
                  <a:lnTo>
                    <a:pt x="11606" y="30"/>
                  </a:lnTo>
                  <a:lnTo>
                    <a:pt x="10800" y="0"/>
                  </a:lnTo>
                  <a:close/>
                </a:path>
              </a:pathLst>
            </a:custGeom>
            <a:solidFill>
              <a:srgbClr val="5F3713"/>
            </a:solidFill>
            <a:ln w="12700" cap="flat">
              <a:noFill/>
              <a:miter lim="400000"/>
            </a:ln>
            <a:effectLst/>
          </p:spPr>
          <p:txBody>
            <a:bodyPr wrap="square" lIns="45718" tIns="45718" rIns="45718" bIns="45718" numCol="1" anchor="t">
              <a:noAutofit/>
            </a:bodyPr>
            <a:lstStyle/>
            <a:p>
              <a:pPr>
                <a:defRPr sz="800">
                  <a:latin typeface="+mj-lt"/>
                  <a:ea typeface="+mj-ea"/>
                  <a:cs typeface="+mj-cs"/>
                  <a:sym typeface="Calibri"/>
                </a:defRPr>
              </a:pPr>
              <a:endParaRPr sz="840"/>
            </a:p>
          </p:txBody>
        </p:sp>
        <p:sp>
          <p:nvSpPr>
            <p:cNvPr id="217" name="object 40"/>
            <p:cNvSpPr/>
            <p:nvPr/>
          </p:nvSpPr>
          <p:spPr>
            <a:xfrm>
              <a:off x="0" y="3673078"/>
              <a:ext cx="399460" cy="399436"/>
            </a:xfrm>
            <a:custGeom>
              <a:avLst/>
              <a:gdLst/>
              <a:ahLst/>
              <a:cxnLst>
                <a:cxn ang="0">
                  <a:pos x="wd2" y="hd2"/>
                </a:cxn>
                <a:cxn ang="5400000">
                  <a:pos x="wd2" y="hd2"/>
                </a:cxn>
                <a:cxn ang="10800000">
                  <a:pos x="wd2" y="hd2"/>
                </a:cxn>
                <a:cxn ang="16200000">
                  <a:pos x="wd2" y="hd2"/>
                </a:cxn>
              </a:cxnLst>
              <a:rect l="0" t="0" r="r" b="b"/>
              <a:pathLst>
                <a:path w="21600" h="21600" extrusionOk="0">
                  <a:moveTo>
                    <a:pt x="10800" y="0"/>
                  </a:moveTo>
                  <a:lnTo>
                    <a:pt x="9994" y="30"/>
                  </a:lnTo>
                  <a:lnTo>
                    <a:pt x="9204" y="117"/>
                  </a:lnTo>
                  <a:lnTo>
                    <a:pt x="8432" y="260"/>
                  </a:lnTo>
                  <a:lnTo>
                    <a:pt x="7681" y="457"/>
                  </a:lnTo>
                  <a:lnTo>
                    <a:pt x="6952" y="706"/>
                  </a:lnTo>
                  <a:lnTo>
                    <a:pt x="6247" y="1004"/>
                  </a:lnTo>
                  <a:lnTo>
                    <a:pt x="5569" y="1349"/>
                  </a:lnTo>
                  <a:lnTo>
                    <a:pt x="4919" y="1740"/>
                  </a:lnTo>
                  <a:lnTo>
                    <a:pt x="4301" y="2174"/>
                  </a:lnTo>
                  <a:lnTo>
                    <a:pt x="3715" y="2649"/>
                  </a:lnTo>
                  <a:lnTo>
                    <a:pt x="3163" y="3163"/>
                  </a:lnTo>
                  <a:lnTo>
                    <a:pt x="2649" y="3714"/>
                  </a:lnTo>
                  <a:lnTo>
                    <a:pt x="2174" y="4300"/>
                  </a:lnTo>
                  <a:lnTo>
                    <a:pt x="1740" y="4919"/>
                  </a:lnTo>
                  <a:lnTo>
                    <a:pt x="1349" y="5569"/>
                  </a:lnTo>
                  <a:lnTo>
                    <a:pt x="1004" y="6247"/>
                  </a:lnTo>
                  <a:lnTo>
                    <a:pt x="706" y="6951"/>
                  </a:lnTo>
                  <a:lnTo>
                    <a:pt x="457" y="7681"/>
                  </a:lnTo>
                  <a:lnTo>
                    <a:pt x="260" y="8432"/>
                  </a:lnTo>
                  <a:lnTo>
                    <a:pt x="117" y="9204"/>
                  </a:lnTo>
                  <a:lnTo>
                    <a:pt x="30" y="9994"/>
                  </a:lnTo>
                  <a:lnTo>
                    <a:pt x="0" y="10800"/>
                  </a:lnTo>
                  <a:lnTo>
                    <a:pt x="30" y="11606"/>
                  </a:lnTo>
                  <a:lnTo>
                    <a:pt x="117" y="12396"/>
                  </a:lnTo>
                  <a:lnTo>
                    <a:pt x="260" y="13167"/>
                  </a:lnTo>
                  <a:lnTo>
                    <a:pt x="457" y="13919"/>
                  </a:lnTo>
                  <a:lnTo>
                    <a:pt x="706" y="14648"/>
                  </a:lnTo>
                  <a:lnTo>
                    <a:pt x="1004" y="15353"/>
                  </a:lnTo>
                  <a:lnTo>
                    <a:pt x="1349" y="16031"/>
                  </a:lnTo>
                  <a:lnTo>
                    <a:pt x="1740" y="16681"/>
                  </a:lnTo>
                  <a:lnTo>
                    <a:pt x="2174" y="17299"/>
                  </a:lnTo>
                  <a:lnTo>
                    <a:pt x="2649" y="17885"/>
                  </a:lnTo>
                  <a:lnTo>
                    <a:pt x="3163" y="18437"/>
                  </a:lnTo>
                  <a:lnTo>
                    <a:pt x="3715" y="18951"/>
                  </a:lnTo>
                  <a:lnTo>
                    <a:pt x="4301" y="19426"/>
                  </a:lnTo>
                  <a:lnTo>
                    <a:pt x="4919" y="19860"/>
                  </a:lnTo>
                  <a:lnTo>
                    <a:pt x="5569" y="20251"/>
                  </a:lnTo>
                  <a:lnTo>
                    <a:pt x="6247" y="20596"/>
                  </a:lnTo>
                  <a:lnTo>
                    <a:pt x="6952" y="20894"/>
                  </a:lnTo>
                  <a:lnTo>
                    <a:pt x="7681" y="21143"/>
                  </a:lnTo>
                  <a:lnTo>
                    <a:pt x="8432" y="21340"/>
                  </a:lnTo>
                  <a:lnTo>
                    <a:pt x="9204" y="21483"/>
                  </a:lnTo>
                  <a:lnTo>
                    <a:pt x="9994" y="21570"/>
                  </a:lnTo>
                  <a:lnTo>
                    <a:pt x="10800" y="21600"/>
                  </a:lnTo>
                  <a:lnTo>
                    <a:pt x="11606" y="21570"/>
                  </a:lnTo>
                  <a:lnTo>
                    <a:pt x="12396" y="21483"/>
                  </a:lnTo>
                  <a:lnTo>
                    <a:pt x="13168" y="21340"/>
                  </a:lnTo>
                  <a:lnTo>
                    <a:pt x="13919" y="21143"/>
                  </a:lnTo>
                  <a:lnTo>
                    <a:pt x="14649" y="20894"/>
                  </a:lnTo>
                  <a:lnTo>
                    <a:pt x="15353" y="20596"/>
                  </a:lnTo>
                  <a:lnTo>
                    <a:pt x="16031" y="20251"/>
                  </a:lnTo>
                  <a:lnTo>
                    <a:pt x="16681" y="19860"/>
                  </a:lnTo>
                  <a:lnTo>
                    <a:pt x="17300" y="19426"/>
                  </a:lnTo>
                  <a:lnTo>
                    <a:pt x="17886" y="18951"/>
                  </a:lnTo>
                  <a:lnTo>
                    <a:pt x="18437" y="18437"/>
                  </a:lnTo>
                  <a:lnTo>
                    <a:pt x="18951" y="17885"/>
                  </a:lnTo>
                  <a:lnTo>
                    <a:pt x="19426" y="17299"/>
                  </a:lnTo>
                  <a:lnTo>
                    <a:pt x="19860" y="16681"/>
                  </a:lnTo>
                  <a:lnTo>
                    <a:pt x="20251" y="16031"/>
                  </a:lnTo>
                  <a:lnTo>
                    <a:pt x="20596" y="15353"/>
                  </a:lnTo>
                  <a:lnTo>
                    <a:pt x="20894" y="14648"/>
                  </a:lnTo>
                  <a:lnTo>
                    <a:pt x="21143" y="13919"/>
                  </a:lnTo>
                  <a:lnTo>
                    <a:pt x="21340" y="13167"/>
                  </a:lnTo>
                  <a:lnTo>
                    <a:pt x="21483" y="12396"/>
                  </a:lnTo>
                  <a:lnTo>
                    <a:pt x="21570" y="11606"/>
                  </a:lnTo>
                  <a:lnTo>
                    <a:pt x="21600" y="10800"/>
                  </a:lnTo>
                  <a:lnTo>
                    <a:pt x="21570" y="9994"/>
                  </a:lnTo>
                  <a:lnTo>
                    <a:pt x="21483" y="9204"/>
                  </a:lnTo>
                  <a:lnTo>
                    <a:pt x="21340" y="8432"/>
                  </a:lnTo>
                  <a:lnTo>
                    <a:pt x="21143" y="7681"/>
                  </a:lnTo>
                  <a:lnTo>
                    <a:pt x="20894" y="6951"/>
                  </a:lnTo>
                  <a:lnTo>
                    <a:pt x="20596" y="6247"/>
                  </a:lnTo>
                  <a:lnTo>
                    <a:pt x="20251" y="5569"/>
                  </a:lnTo>
                  <a:lnTo>
                    <a:pt x="19860" y="4919"/>
                  </a:lnTo>
                  <a:lnTo>
                    <a:pt x="19426" y="4300"/>
                  </a:lnTo>
                  <a:lnTo>
                    <a:pt x="18951" y="3714"/>
                  </a:lnTo>
                  <a:lnTo>
                    <a:pt x="18437" y="3163"/>
                  </a:lnTo>
                  <a:lnTo>
                    <a:pt x="17886" y="2649"/>
                  </a:lnTo>
                  <a:lnTo>
                    <a:pt x="17300" y="2174"/>
                  </a:lnTo>
                  <a:lnTo>
                    <a:pt x="16681" y="1740"/>
                  </a:lnTo>
                  <a:lnTo>
                    <a:pt x="16031" y="1349"/>
                  </a:lnTo>
                  <a:lnTo>
                    <a:pt x="15353" y="1004"/>
                  </a:lnTo>
                  <a:lnTo>
                    <a:pt x="14649" y="706"/>
                  </a:lnTo>
                  <a:lnTo>
                    <a:pt x="13919" y="457"/>
                  </a:lnTo>
                  <a:lnTo>
                    <a:pt x="13168" y="260"/>
                  </a:lnTo>
                  <a:lnTo>
                    <a:pt x="12396" y="117"/>
                  </a:lnTo>
                  <a:lnTo>
                    <a:pt x="11606" y="30"/>
                  </a:lnTo>
                  <a:lnTo>
                    <a:pt x="10800" y="0"/>
                  </a:lnTo>
                  <a:close/>
                </a:path>
              </a:pathLst>
            </a:custGeom>
            <a:solidFill>
              <a:srgbClr val="004700"/>
            </a:solidFill>
            <a:ln w="12700" cap="flat">
              <a:noFill/>
              <a:miter lim="400000"/>
            </a:ln>
            <a:effectLst/>
          </p:spPr>
          <p:txBody>
            <a:bodyPr wrap="square" lIns="45718" tIns="45718" rIns="45718" bIns="45718" numCol="1" anchor="t">
              <a:noAutofit/>
            </a:bodyPr>
            <a:lstStyle/>
            <a:p>
              <a:pPr>
                <a:defRPr sz="800">
                  <a:latin typeface="+mj-lt"/>
                  <a:ea typeface="+mj-ea"/>
                  <a:cs typeface="+mj-cs"/>
                  <a:sym typeface="Calibri"/>
                </a:defRPr>
              </a:pPr>
              <a:endParaRPr sz="840"/>
            </a:p>
          </p:txBody>
        </p:sp>
      </p:grpSp>
      <p:sp>
        <p:nvSpPr>
          <p:cNvPr id="219" name="Picture Placeholder 56"/>
          <p:cNvSpPr>
            <a:spLocks noGrp="1"/>
          </p:cNvSpPr>
          <p:nvPr>
            <p:ph type="pic" sz="half" idx="21"/>
          </p:nvPr>
        </p:nvSpPr>
        <p:spPr>
          <a:xfrm>
            <a:off x="8880396" y="2"/>
            <a:ext cx="8188405" cy="4800603"/>
          </a:xfrm>
          <a:prstGeom prst="rect">
            <a:avLst/>
          </a:prstGeom>
        </p:spPr>
        <p:txBody>
          <a:bodyPr lIns="91439" tIns="45719" rIns="91439" bIns="45719">
            <a:noAutofit/>
          </a:bodyPr>
          <a:lstStyle/>
          <a:p>
            <a:endParaRPr/>
          </a:p>
        </p:txBody>
      </p:sp>
      <p:sp>
        <p:nvSpPr>
          <p:cNvPr id="220" name="Picture Placeholder 56"/>
          <p:cNvSpPr>
            <a:spLocks noGrp="1"/>
          </p:cNvSpPr>
          <p:nvPr>
            <p:ph type="pic" sz="half" idx="22"/>
          </p:nvPr>
        </p:nvSpPr>
        <p:spPr>
          <a:xfrm>
            <a:off x="8880396" y="4800600"/>
            <a:ext cx="8188405" cy="4800600"/>
          </a:xfrm>
          <a:prstGeom prst="rect">
            <a:avLst/>
          </a:prstGeom>
        </p:spPr>
        <p:txBody>
          <a:bodyPr lIns="91439" tIns="45719" rIns="91439" bIns="45719">
            <a:noAutofit/>
          </a:bodyPr>
          <a:lstStyle/>
          <a:p>
            <a:endParaRPr/>
          </a:p>
        </p:txBody>
      </p:sp>
      <p:sp>
        <p:nvSpPr>
          <p:cNvPr id="221" name="Picture Placeholder 56"/>
          <p:cNvSpPr>
            <a:spLocks noGrp="1"/>
          </p:cNvSpPr>
          <p:nvPr>
            <p:ph type="pic" sz="half" idx="23"/>
          </p:nvPr>
        </p:nvSpPr>
        <p:spPr>
          <a:xfrm>
            <a:off x="691419" y="2"/>
            <a:ext cx="8188405" cy="4800603"/>
          </a:xfrm>
          <a:prstGeom prst="rect">
            <a:avLst/>
          </a:prstGeom>
        </p:spPr>
        <p:txBody>
          <a:bodyPr lIns="91439" tIns="45719" rIns="91439" bIns="45719">
            <a:noAutofit/>
          </a:bodyPr>
          <a:lstStyle/>
          <a:p>
            <a:endParaRPr/>
          </a:p>
        </p:txBody>
      </p:sp>
      <p:sp>
        <p:nvSpPr>
          <p:cNvPr id="222" name="Picture Placeholder 56"/>
          <p:cNvSpPr>
            <a:spLocks noGrp="1"/>
          </p:cNvSpPr>
          <p:nvPr>
            <p:ph type="pic" sz="half" idx="24"/>
          </p:nvPr>
        </p:nvSpPr>
        <p:spPr>
          <a:xfrm>
            <a:off x="691419" y="4800600"/>
            <a:ext cx="8188405" cy="4800600"/>
          </a:xfrm>
          <a:prstGeom prst="rect">
            <a:avLst/>
          </a:prstGeom>
        </p:spPr>
        <p:txBody>
          <a:bodyPr lIns="91439" tIns="45719" rIns="91439" bIns="45719">
            <a:noAutofit/>
          </a:bodyPr>
          <a:lstStyle/>
          <a:p>
            <a:endParaRPr/>
          </a:p>
        </p:txBody>
      </p:sp>
      <p:sp>
        <p:nvSpPr>
          <p:cNvPr id="223" name="Lysbillednummer"/>
          <p:cNvSpPr txBox="1">
            <a:spLocks noGrp="1"/>
          </p:cNvSpPr>
          <p:nvPr>
            <p:ph type="sldNum" sz="quarter" idx="2"/>
          </p:nvPr>
        </p:nvSpPr>
        <p:spPr>
          <a:xfrm rot="16200000">
            <a:off x="-370075" y="385246"/>
            <a:ext cx="948291" cy="177801"/>
          </a:xfrm>
          <a:prstGeom prst="rect">
            <a:avLst/>
          </a:prstGeom>
          <a:solidFill>
            <a:srgbClr val="AEB4D6"/>
          </a:solidFill>
        </p:spPr>
        <p:txBody>
          <a:bodyPr wrap="square" lIns="0" tIns="0" rIns="0" bIns="0"/>
          <a:lstStyle>
            <a:lvl1pPr>
              <a:defRPr sz="945" b="1">
                <a:solidFill>
                  <a:srgbClr val="E7E6E6"/>
                </a:solidFill>
                <a:latin typeface="Arial"/>
                <a:ea typeface="Arial"/>
                <a:cs typeface="Arial"/>
                <a:sym typeface="Arial"/>
              </a:defRPr>
            </a:lvl1pPr>
          </a:lstStyle>
          <a:p>
            <a:fld id="{86CB4B4D-7CA3-9044-876B-883B54F8677D}" type="slidenum">
              <a:t>‹nr.›</a:t>
            </a:fld>
            <a:endParaRPr/>
          </a:p>
        </p:txBody>
      </p:sp>
    </p:spTree>
    <p:extLst>
      <p:ext uri="{BB962C8B-B14F-4D97-AF65-F5344CB8AC3E}">
        <p14:creationId xmlns:p14="http://schemas.microsoft.com/office/powerpoint/2010/main" val="2468867080"/>
      </p:ext>
    </p:extLst>
  </p:cSld>
  <p:clrMapOvr>
    <a:masterClrMapping/>
  </p:clrMapOvr>
  <p:transition spd="med"/>
</p:sldLayout>
</file>

<file path=ppt/slideLayouts/slideLayout22.xml><?xml version="1.0" encoding="utf-8"?>
<p:sldLayout xmlns:a="http://schemas.openxmlformats.org/drawingml/2006/main" xmlns:r="http://schemas.openxmlformats.org/officeDocument/2006/relationships" xmlns:p="http://schemas.openxmlformats.org/presentationml/2006/main" type="tx">
  <p:cSld name="1_Tom">
    <p:spTree>
      <p:nvGrpSpPr>
        <p:cNvPr id="1" name=""/>
        <p:cNvGrpSpPr/>
        <p:nvPr/>
      </p:nvGrpSpPr>
      <p:grpSpPr>
        <a:xfrm>
          <a:off x="0" y="0"/>
          <a:ext cx="0" cy="0"/>
          <a:chOff x="0" y="0"/>
          <a:chExt cx="0" cy="0"/>
        </a:xfrm>
      </p:grpSpPr>
      <p:sp>
        <p:nvSpPr>
          <p:cNvPr id="342" name="Lysbillednummer"/>
          <p:cNvSpPr txBox="1">
            <a:spLocks noGrp="1"/>
          </p:cNvSpPr>
          <p:nvPr>
            <p:ph type="sldNum" sz="quarter" idx="2"/>
          </p:nvPr>
        </p:nvSpPr>
        <p:spPr>
          <a:xfrm>
            <a:off x="16248697" y="8784791"/>
            <a:ext cx="593838" cy="575519"/>
          </a:xfrm>
          <a:prstGeom prst="rect">
            <a:avLst/>
          </a:prstGeom>
        </p:spPr>
        <p:txBody>
          <a:bodyPr lIns="106850" tIns="106850" rIns="106850" bIns="106850"/>
          <a:lstStyle>
            <a:lvl1pPr defTabSz="840980">
              <a:defRPr sz="1960">
                <a:solidFill>
                  <a:srgbClr val="FFFFFF"/>
                </a:solidFill>
                <a:latin typeface="Arial"/>
                <a:ea typeface="Arial"/>
                <a:cs typeface="Arial"/>
                <a:sym typeface="Arial"/>
              </a:defRPr>
            </a:lvl1pPr>
          </a:lstStyle>
          <a:p>
            <a:fld id="{86CB4B4D-7CA3-9044-876B-883B54F8677D}" type="slidenum">
              <a:t>‹nr.›</a:t>
            </a:fld>
            <a:endParaRPr/>
          </a:p>
        </p:txBody>
      </p:sp>
      <p:sp>
        <p:nvSpPr>
          <p:cNvPr id="343" name="Brødtekst, niveau et…"/>
          <p:cNvSpPr txBox="1">
            <a:spLocks noGrp="1"/>
          </p:cNvSpPr>
          <p:nvPr>
            <p:ph type="body" sz="quarter" idx="1" hasCustomPrompt="1"/>
          </p:nvPr>
        </p:nvSpPr>
        <p:spPr>
          <a:xfrm>
            <a:off x="2562350" y="558871"/>
            <a:ext cx="13238784" cy="501823"/>
          </a:xfrm>
          <a:prstGeom prst="rect">
            <a:avLst/>
          </a:prstGeom>
        </p:spPr>
        <p:txBody>
          <a:bodyPr lIns="106850" tIns="106850" rIns="106850" bIns="106850"/>
          <a:lstStyle>
            <a:lvl1pPr marL="0" indent="0" defTabSz="840980">
              <a:lnSpc>
                <a:spcPct val="115000"/>
              </a:lnSpc>
              <a:spcBef>
                <a:spcPts val="0"/>
              </a:spcBef>
              <a:buSzTx/>
              <a:buFontTx/>
              <a:buNone/>
              <a:defRPr sz="1960" b="1">
                <a:solidFill>
                  <a:srgbClr val="B3B3B3"/>
                </a:solidFill>
                <a:latin typeface="Arial"/>
                <a:ea typeface="Arial"/>
                <a:cs typeface="Arial"/>
                <a:sym typeface="Arial"/>
              </a:defRPr>
            </a:lvl1pPr>
            <a:lvl2pPr marL="1041552" indent="-303682" defTabSz="840980">
              <a:lnSpc>
                <a:spcPct val="115000"/>
              </a:lnSpc>
              <a:spcBef>
                <a:spcPts val="0"/>
              </a:spcBef>
              <a:buSzPts val="1400"/>
              <a:buFontTx/>
              <a:buChar char="○"/>
              <a:defRPr sz="1960" b="1">
                <a:solidFill>
                  <a:srgbClr val="B3B3B3"/>
                </a:solidFill>
                <a:latin typeface="Arial"/>
                <a:ea typeface="Arial"/>
                <a:cs typeface="Arial"/>
                <a:sym typeface="Arial"/>
              </a:defRPr>
            </a:lvl2pPr>
            <a:lvl3pPr marL="1681632" indent="-303682" defTabSz="840980">
              <a:lnSpc>
                <a:spcPct val="115000"/>
              </a:lnSpc>
              <a:spcBef>
                <a:spcPts val="0"/>
              </a:spcBef>
              <a:buSzPts val="1400"/>
              <a:buFontTx/>
              <a:buChar char="■"/>
              <a:defRPr sz="1960" b="1">
                <a:solidFill>
                  <a:srgbClr val="B3B3B3"/>
                </a:solidFill>
                <a:latin typeface="Arial"/>
                <a:ea typeface="Arial"/>
                <a:cs typeface="Arial"/>
                <a:sym typeface="Arial"/>
              </a:defRPr>
            </a:lvl3pPr>
            <a:lvl4pPr marL="2321712" indent="-303682" defTabSz="840980">
              <a:lnSpc>
                <a:spcPct val="115000"/>
              </a:lnSpc>
              <a:spcBef>
                <a:spcPts val="0"/>
              </a:spcBef>
              <a:buSzPts val="1400"/>
              <a:buFontTx/>
              <a:buChar char="●"/>
              <a:defRPr sz="1960" b="1">
                <a:solidFill>
                  <a:srgbClr val="B3B3B3"/>
                </a:solidFill>
                <a:latin typeface="Arial"/>
                <a:ea typeface="Arial"/>
                <a:cs typeface="Arial"/>
                <a:sym typeface="Arial"/>
              </a:defRPr>
            </a:lvl4pPr>
            <a:lvl5pPr marL="2961792" indent="-303682" defTabSz="840980">
              <a:lnSpc>
                <a:spcPct val="115000"/>
              </a:lnSpc>
              <a:spcBef>
                <a:spcPts val="0"/>
              </a:spcBef>
              <a:buSzPts val="1400"/>
              <a:buFontTx/>
              <a:buChar char="○"/>
              <a:defRPr sz="1960" b="1">
                <a:solidFill>
                  <a:srgbClr val="B3B3B3"/>
                </a:solidFill>
                <a:latin typeface="Arial"/>
                <a:ea typeface="Arial"/>
                <a:cs typeface="Arial"/>
                <a:sym typeface="Arial"/>
              </a:defRPr>
            </a:lvl5pPr>
          </a:lstStyle>
          <a:p>
            <a:r>
              <a:t>Evt. center/afdeling/enhed skrives her</a:t>
            </a:r>
          </a:p>
          <a:p>
            <a:pPr lvl="1"/>
            <a:endParaRPr/>
          </a:p>
          <a:p>
            <a:pPr lvl="2"/>
            <a:endParaRPr/>
          </a:p>
          <a:p>
            <a:pPr lvl="3"/>
            <a:endParaRPr/>
          </a:p>
          <a:p>
            <a:pPr lvl="4"/>
            <a:endParaRPr/>
          </a:p>
        </p:txBody>
      </p:sp>
      <p:sp>
        <p:nvSpPr>
          <p:cNvPr id="344" name="Tekstfelt 4"/>
          <p:cNvSpPr txBox="1"/>
          <p:nvPr/>
        </p:nvSpPr>
        <p:spPr>
          <a:xfrm>
            <a:off x="2562344" y="289937"/>
            <a:ext cx="4368612" cy="301621"/>
          </a:xfrm>
          <a:prstGeom prst="rect">
            <a:avLst/>
          </a:prstGeom>
          <a:ln w="12700">
            <a:miter lim="400000"/>
          </a:ln>
          <a:extLst>
            <a:ext uri="{C572A759-6A51-4108-AA02-DFA0A04FC94B}">
              <ma14:wrappingTextBoxFlag xmlns="" xmlns:m="http://schemas.openxmlformats.org/officeDocument/2006/math" xmlns:a14="http://schemas.microsoft.com/office/drawing/2010/main" xmlns:ma14="http://schemas.microsoft.com/office/mac/drawingml/2011/main" val="1"/>
            </a:ext>
          </a:extLst>
        </p:spPr>
        <p:txBody>
          <a:bodyPr lIns="0" tIns="0" rIns="0" bIns="0">
            <a:spAutoFit/>
          </a:bodyPr>
          <a:lstStyle>
            <a:lvl1pPr defTabSz="600700">
              <a:defRPr sz="1400" b="1">
                <a:solidFill>
                  <a:srgbClr val="565656"/>
                </a:solidFill>
                <a:latin typeface="Arial"/>
                <a:ea typeface="Arial"/>
                <a:cs typeface="Arial"/>
                <a:sym typeface="Arial"/>
              </a:defRPr>
            </a:lvl1pPr>
          </a:lstStyle>
          <a:p>
            <a:r>
              <a:rPr sz="1960"/>
              <a:t>Rigshospitalet</a:t>
            </a:r>
          </a:p>
        </p:txBody>
      </p:sp>
    </p:spTree>
    <p:extLst>
      <p:ext uri="{BB962C8B-B14F-4D97-AF65-F5344CB8AC3E}">
        <p14:creationId xmlns:p14="http://schemas.microsoft.com/office/powerpoint/2010/main" val="2965283645"/>
      </p:ext>
    </p:extLst>
  </p:cSld>
  <p:clrMapOvr>
    <a:masterClrMapping/>
  </p:clrMapOvr>
  <p:transition spd="med"/>
</p:sldLayout>
</file>

<file path=ppt/slideLayouts/slideLayout23.xml><?xml version="1.0" encoding="utf-8"?>
<p:sldLayout xmlns:a="http://schemas.openxmlformats.org/drawingml/2006/main" xmlns:r="http://schemas.openxmlformats.org/officeDocument/2006/relationships" xmlns:p="http://schemas.openxmlformats.org/presentationml/2006/main" type="tx">
  <p:cSld name="Titel og indholdsobjekt">
    <p:spTree>
      <p:nvGrpSpPr>
        <p:cNvPr id="1" name=""/>
        <p:cNvGrpSpPr/>
        <p:nvPr/>
      </p:nvGrpSpPr>
      <p:grpSpPr>
        <a:xfrm>
          <a:off x="0" y="0"/>
          <a:ext cx="0" cy="0"/>
          <a:chOff x="0" y="0"/>
          <a:chExt cx="0" cy="0"/>
        </a:xfrm>
      </p:grpSpPr>
      <p:sp>
        <p:nvSpPr>
          <p:cNvPr id="325" name="Xx"/>
          <p:cNvSpPr txBox="1">
            <a:spLocks noGrp="1"/>
          </p:cNvSpPr>
          <p:nvPr>
            <p:ph type="title" hasCustomPrompt="1"/>
          </p:nvPr>
        </p:nvSpPr>
        <p:spPr>
          <a:xfrm>
            <a:off x="469766" y="776210"/>
            <a:ext cx="16132311" cy="1096868"/>
          </a:xfrm>
          <a:prstGeom prst="rect">
            <a:avLst/>
          </a:prstGeom>
        </p:spPr>
        <p:txBody>
          <a:bodyPr anchor="t"/>
          <a:lstStyle>
            <a:lvl1pPr>
              <a:defRPr sz="4480">
                <a:latin typeface="Arial"/>
                <a:ea typeface="Arial"/>
                <a:cs typeface="Arial"/>
                <a:sym typeface="Arial"/>
              </a:defRPr>
            </a:lvl1pPr>
          </a:lstStyle>
          <a:p>
            <a:r>
              <a:t>Xx</a:t>
            </a:r>
          </a:p>
        </p:txBody>
      </p:sp>
      <p:sp>
        <p:nvSpPr>
          <p:cNvPr id="326" name="Lysbillednummer"/>
          <p:cNvSpPr txBox="1">
            <a:spLocks noGrp="1"/>
          </p:cNvSpPr>
          <p:nvPr>
            <p:ph type="sldNum" sz="quarter" idx="2"/>
          </p:nvPr>
        </p:nvSpPr>
        <p:spPr>
          <a:xfrm>
            <a:off x="12054840" y="8898891"/>
            <a:ext cx="497837" cy="458793"/>
          </a:xfrm>
          <a:prstGeom prst="rect">
            <a:avLst/>
          </a:prstGeom>
        </p:spPr>
        <p:txBody>
          <a:bodyPr anchor="t"/>
          <a:lstStyle>
            <a:lvl1pPr algn="l">
              <a:defRPr sz="2520">
                <a:solidFill>
                  <a:srgbClr val="000000"/>
                </a:solidFill>
                <a:latin typeface="Mari Light"/>
                <a:ea typeface="Mari Light"/>
                <a:cs typeface="Mari Light"/>
                <a:sym typeface="Mari Light"/>
              </a:defRPr>
            </a:lvl1pPr>
          </a:lstStyle>
          <a:p>
            <a:fld id="{86CB4B4D-7CA3-9044-876B-883B54F8677D}" type="slidenum">
              <a:t>‹nr.›</a:t>
            </a:fld>
            <a:endParaRPr/>
          </a:p>
        </p:txBody>
      </p:sp>
    </p:spTree>
    <p:extLst>
      <p:ext uri="{BB962C8B-B14F-4D97-AF65-F5344CB8AC3E}">
        <p14:creationId xmlns:p14="http://schemas.microsoft.com/office/powerpoint/2010/main" val="2575244606"/>
      </p:ext>
    </p:extLst>
  </p:cSld>
  <p:clrMapOvr>
    <a:masterClrMapping/>
  </p:clrMapOvr>
  <p:transition spd="med"/>
</p:sldLayout>
</file>

<file path=ppt/slideLayouts/slideLayout24.xml><?xml version="1.0" encoding="utf-8"?>
<p:sldLayout xmlns:a="http://schemas.openxmlformats.org/drawingml/2006/main" xmlns:r="http://schemas.openxmlformats.org/officeDocument/2006/relationships" xmlns:p="http://schemas.openxmlformats.org/presentationml/2006/main" type="title">
  <p:cSld name="Titelslide">
    <p:spTree>
      <p:nvGrpSpPr>
        <p:cNvPr id="1" name=""/>
        <p:cNvGrpSpPr/>
        <p:nvPr/>
      </p:nvGrpSpPr>
      <p:grpSpPr>
        <a:xfrm>
          <a:off x="0" y="0"/>
          <a:ext cx="0" cy="0"/>
          <a:chOff x="0" y="0"/>
          <a:chExt cx="0" cy="0"/>
        </a:xfrm>
      </p:grpSpPr>
      <p:sp>
        <p:nvSpPr>
          <p:cNvPr id="11" name="Titeltekst"/>
          <p:cNvSpPr txBox="1">
            <a:spLocks noGrp="1"/>
          </p:cNvSpPr>
          <p:nvPr>
            <p:ph type="title"/>
          </p:nvPr>
        </p:nvSpPr>
        <p:spPr>
          <a:xfrm>
            <a:off x="2133600" y="1571308"/>
            <a:ext cx="12801600" cy="3342641"/>
          </a:xfrm>
          <a:prstGeom prst="rect">
            <a:avLst/>
          </a:prstGeom>
        </p:spPr>
        <p:txBody>
          <a:bodyPr anchor="b"/>
          <a:lstStyle>
            <a:lvl1pPr algn="ctr">
              <a:defRPr sz="8400"/>
            </a:lvl1pPr>
          </a:lstStyle>
          <a:p>
            <a:r>
              <a:t>Titeltekst</a:t>
            </a:r>
          </a:p>
        </p:txBody>
      </p:sp>
      <p:sp>
        <p:nvSpPr>
          <p:cNvPr id="12" name="Brødtekst, niveau et…"/>
          <p:cNvSpPr txBox="1">
            <a:spLocks noGrp="1"/>
          </p:cNvSpPr>
          <p:nvPr>
            <p:ph type="body" sz="quarter" idx="1"/>
          </p:nvPr>
        </p:nvSpPr>
        <p:spPr>
          <a:xfrm>
            <a:off x="2133600" y="5042852"/>
            <a:ext cx="12801600" cy="2318070"/>
          </a:xfrm>
          <a:prstGeom prst="rect">
            <a:avLst/>
          </a:prstGeom>
        </p:spPr>
        <p:txBody>
          <a:bodyPr/>
          <a:lstStyle>
            <a:lvl1pPr marL="0" indent="0" algn="ctr">
              <a:buSzTx/>
              <a:buFontTx/>
              <a:buNone/>
              <a:defRPr sz="3360"/>
            </a:lvl1pPr>
            <a:lvl2pPr marL="0" indent="0" algn="ctr">
              <a:buSzTx/>
              <a:buFontTx/>
              <a:buNone/>
              <a:defRPr sz="3360"/>
            </a:lvl2pPr>
            <a:lvl3pPr marL="0" indent="0" algn="ctr">
              <a:buSzTx/>
              <a:buFontTx/>
              <a:buNone/>
              <a:defRPr sz="3360"/>
            </a:lvl3pPr>
            <a:lvl4pPr marL="0" indent="0" algn="ctr">
              <a:buSzTx/>
              <a:buFontTx/>
              <a:buNone/>
              <a:defRPr sz="3360"/>
            </a:lvl4pPr>
            <a:lvl5pPr marL="0" indent="0" algn="ctr">
              <a:buSzTx/>
              <a:buFontTx/>
              <a:buNone/>
              <a:defRPr sz="3360"/>
            </a:lvl5pPr>
          </a:lstStyle>
          <a:p>
            <a:r>
              <a:t>Brødtekst, niveau et</a:t>
            </a:r>
          </a:p>
          <a:p>
            <a:pPr lvl="1"/>
            <a:r>
              <a:t>Brødtekst, niveau to</a:t>
            </a:r>
          </a:p>
          <a:p>
            <a:pPr lvl="2"/>
            <a:r>
              <a:t>Brødtekst, niveau tre</a:t>
            </a:r>
          </a:p>
          <a:p>
            <a:pPr lvl="3"/>
            <a:r>
              <a:t>Brødtekst, niveau fire</a:t>
            </a:r>
          </a:p>
          <a:p>
            <a:pPr lvl="4"/>
            <a:r>
              <a:t>Brødtekst, niveau fem</a:t>
            </a:r>
          </a:p>
        </p:txBody>
      </p:sp>
      <p:sp>
        <p:nvSpPr>
          <p:cNvPr id="13" name="Lysbillednummer"/>
          <p:cNvSpPr txBox="1">
            <a:spLocks noGrp="1"/>
          </p:cNvSpPr>
          <p:nvPr>
            <p:ph type="sldNum" sz="quarter" idx="2"/>
          </p:nvPr>
        </p:nvSpPr>
        <p:spPr>
          <a:prstGeom prst="rect">
            <a:avLst/>
          </a:prstGeom>
        </p:spPr>
        <p:txBody>
          <a:bodyPr/>
          <a:lstStyle/>
          <a:p>
            <a:fld id="{86CB4B4D-7CA3-9044-876B-883B54F8677D}" type="slidenum">
              <a:t>‹nr.›</a:t>
            </a:fld>
            <a:endParaRPr/>
          </a:p>
        </p:txBody>
      </p:sp>
    </p:spTree>
    <p:extLst>
      <p:ext uri="{BB962C8B-B14F-4D97-AF65-F5344CB8AC3E}">
        <p14:creationId xmlns:p14="http://schemas.microsoft.com/office/powerpoint/2010/main" val="2304941958"/>
      </p:ext>
    </p:extLst>
  </p:cSld>
  <p:clrMapOvr>
    <a:masterClrMapping/>
  </p:clrMapOvr>
  <p:transition spd="med"/>
</p:sldLayout>
</file>

<file path=ppt/slideLayouts/slideLayout25.xml><?xml version="1.0" encoding="utf-8"?>
<p:sldLayout xmlns:a="http://schemas.openxmlformats.org/drawingml/2006/main" xmlns:r="http://schemas.openxmlformats.org/officeDocument/2006/relationships" xmlns:p="http://schemas.openxmlformats.org/presentationml/2006/main" userDrawn="1">
  <p:cSld name="Èn tekstspalte">
    <p:spTree>
      <p:nvGrpSpPr>
        <p:cNvPr id="1" name=""/>
        <p:cNvGrpSpPr/>
        <p:nvPr/>
      </p:nvGrpSpPr>
      <p:grpSpPr>
        <a:xfrm>
          <a:off x="0" y="0"/>
          <a:ext cx="0" cy="0"/>
          <a:chOff x="0" y="0"/>
          <a:chExt cx="0" cy="0"/>
        </a:xfrm>
      </p:grpSpPr>
      <p:sp>
        <p:nvSpPr>
          <p:cNvPr id="11" name="Titel 1"/>
          <p:cNvSpPr>
            <a:spLocks noGrp="1"/>
          </p:cNvSpPr>
          <p:nvPr>
            <p:ph type="title" hasCustomPrompt="1"/>
          </p:nvPr>
        </p:nvSpPr>
        <p:spPr>
          <a:xfrm>
            <a:off x="1914347" y="1221802"/>
            <a:ext cx="14192534" cy="1159200"/>
          </a:xfrm>
        </p:spPr>
        <p:txBody>
          <a:bodyPr/>
          <a:lstStyle>
            <a:lvl1pPr>
              <a:defRPr>
                <a:solidFill>
                  <a:srgbClr val="CB6615"/>
                </a:solidFill>
              </a:defRPr>
            </a:lvl1pPr>
          </a:lstStyle>
          <a:p>
            <a:r>
              <a:rPr lang="da-DK" dirty="0"/>
              <a:t>Overskrift 28pt i max. to linjer </a:t>
            </a:r>
            <a:br>
              <a:rPr lang="da-DK" dirty="0"/>
            </a:br>
            <a:r>
              <a:rPr lang="da-DK" dirty="0"/>
              <a:t>teksten vokser opad</a:t>
            </a:r>
          </a:p>
        </p:txBody>
      </p:sp>
      <p:sp>
        <p:nvSpPr>
          <p:cNvPr id="6" name="Pladsholder til diasnummer 5"/>
          <p:cNvSpPr>
            <a:spLocks noGrp="1"/>
          </p:cNvSpPr>
          <p:nvPr>
            <p:ph type="sldNum" sz="quarter" idx="12"/>
          </p:nvPr>
        </p:nvSpPr>
        <p:spPr/>
        <p:txBody>
          <a:bodyPr/>
          <a:lstStyle/>
          <a:p>
            <a:fld id="{667EC89C-17A0-4E64-A6D2-B825673CEEDF}" type="slidenum">
              <a:rPr lang="da-DK" smtClean="0"/>
              <a:t>‹nr.›</a:t>
            </a:fld>
            <a:endParaRPr lang="da-DK" dirty="0"/>
          </a:p>
        </p:txBody>
      </p:sp>
      <p:sp>
        <p:nvSpPr>
          <p:cNvPr id="3" name="Pladsholder til indhold 2"/>
          <p:cNvSpPr>
            <a:spLocks noGrp="1"/>
          </p:cNvSpPr>
          <p:nvPr>
            <p:ph sz="quarter" idx="13" hasCustomPrompt="1"/>
          </p:nvPr>
        </p:nvSpPr>
        <p:spPr>
          <a:xfrm>
            <a:off x="1915208" y="2784795"/>
            <a:ext cx="14191260" cy="4898390"/>
          </a:xfrm>
        </p:spPr>
        <p:txBody>
          <a:bodyPr/>
          <a:lstStyle>
            <a:lvl1pPr marL="375362" indent="-375362">
              <a:defRPr/>
            </a:lvl1pPr>
            <a:lvl2pPr marL="875846" indent="-375362">
              <a:defRPr/>
            </a:lvl2pPr>
            <a:lvl3pPr marL="1301257" indent="-325312">
              <a:defRPr/>
            </a:lvl3pPr>
            <a:lvl4pPr marL="1801737" indent="-300289">
              <a:defRPr/>
            </a:lvl4pPr>
            <a:lvl5pPr marL="2302220" indent="-300289">
              <a:defRPr/>
            </a:lvl5pPr>
            <a:lvl6pPr marL="2777678" indent="-250242">
              <a:defRPr/>
            </a:lvl6pPr>
            <a:lvl7pPr marL="3278160" indent="-250242">
              <a:defRPr/>
            </a:lvl7pPr>
            <a:lvl8pPr marL="3778643" indent="-250242">
              <a:defRPr/>
            </a:lvl8pPr>
            <a:lvl9pPr marL="3778643" indent="-250242">
              <a:defRPr sz="1390"/>
            </a:lvl9pPr>
          </a:lstStyle>
          <a:p>
            <a:pPr lvl="0"/>
            <a:r>
              <a:rPr lang="da-DK" dirty="0"/>
              <a:t>Brødtekst 22pt skrives her</a:t>
            </a:r>
          </a:p>
          <a:p>
            <a:pPr lvl="1"/>
            <a:r>
              <a:rPr lang="da-DK" dirty="0"/>
              <a:t>Andet niveau</a:t>
            </a:r>
          </a:p>
          <a:p>
            <a:pPr lvl="2"/>
            <a:r>
              <a:rPr lang="da-DK" dirty="0"/>
              <a:t>Tredje niveau</a:t>
            </a:r>
          </a:p>
          <a:p>
            <a:pPr lvl="3"/>
            <a:r>
              <a:rPr lang="da-DK" dirty="0"/>
              <a:t>Fjerde niveau </a:t>
            </a:r>
          </a:p>
          <a:p>
            <a:pPr lvl="4"/>
            <a:r>
              <a:rPr lang="da-DK" dirty="0"/>
              <a:t>Femte niveau</a:t>
            </a:r>
          </a:p>
          <a:p>
            <a:pPr lvl="5"/>
            <a:r>
              <a:rPr lang="da-DK" dirty="0"/>
              <a:t>6</a:t>
            </a:r>
          </a:p>
          <a:p>
            <a:pPr lvl="6"/>
            <a:r>
              <a:rPr lang="da-DK" dirty="0"/>
              <a:t>7</a:t>
            </a:r>
          </a:p>
          <a:p>
            <a:pPr lvl="7"/>
            <a:r>
              <a:rPr lang="da-DK" dirty="0"/>
              <a:t>8</a:t>
            </a:r>
          </a:p>
          <a:p>
            <a:pPr lvl="8"/>
            <a:r>
              <a:rPr lang="da-DK" dirty="0"/>
              <a:t>9</a:t>
            </a:r>
          </a:p>
        </p:txBody>
      </p:sp>
      <p:sp>
        <p:nvSpPr>
          <p:cNvPr id="5" name="text" descr="{&quot;templafy&quot;:{&quot;id&quot;:&quot;d49a19b2-dc43-43d5-9027-ceeb0b305974&quot;}}" title="UserProfile.Office.Virksomhed_{{DocumentLanguage}}">
            <a:extLst>
              <a:ext uri="{FF2B5EF4-FFF2-40B4-BE49-F238E27FC236}">
                <a16:creationId xmlns:a16="http://schemas.microsoft.com/office/drawing/2014/main" id="{591555D6-BB2E-43A6-8859-28C59425DBF4}"/>
              </a:ext>
            </a:extLst>
          </p:cNvPr>
          <p:cNvSpPr txBox="1"/>
          <p:nvPr userDrawn="1"/>
        </p:nvSpPr>
        <p:spPr>
          <a:xfrm>
            <a:off x="1913583" y="289937"/>
            <a:ext cx="8568000" cy="301622"/>
          </a:xfrm>
          <a:prstGeom prst="rect">
            <a:avLst/>
          </a:prstGeom>
          <a:noFill/>
        </p:spPr>
        <p:txBody>
          <a:bodyPr wrap="square" lIns="0" tIns="0" rIns="0" bIns="0" rtlCol="0">
            <a:noAutofit/>
          </a:bodyPr>
          <a:lstStyle/>
          <a:p>
            <a:r>
              <a:rPr lang="da-DK" sz="1950" b="1" noProof="0" dirty="0">
                <a:solidFill>
                  <a:srgbClr val="565656"/>
                </a:solidFill>
              </a:rPr>
              <a:t>Region Hovedstaden</a:t>
            </a:r>
          </a:p>
        </p:txBody>
      </p:sp>
      <p:sp>
        <p:nvSpPr>
          <p:cNvPr id="7" name="text" descr="{&quot;templafy&quot;:{&quot;id&quot;:&quot;ebc59e52-c9b4-4ea1-aed3-f4fd377de841&quot;}}" hidden="1" title="UserProfile.CenterFreeText">
            <a:extLst>
              <a:ext uri="{FF2B5EF4-FFF2-40B4-BE49-F238E27FC236}">
                <a16:creationId xmlns:a16="http://schemas.microsoft.com/office/drawing/2014/main" id="{E53FC353-2F0F-4922-821A-1A51D53892CD}"/>
              </a:ext>
            </a:extLst>
          </p:cNvPr>
          <p:cNvSpPr txBox="1">
            <a:spLocks/>
          </p:cNvSpPr>
          <p:nvPr userDrawn="1"/>
        </p:nvSpPr>
        <p:spPr>
          <a:xfrm>
            <a:off x="1913583" y="566581"/>
            <a:ext cx="8568000" cy="591014"/>
          </a:xfrm>
          <a:prstGeom prst="rect">
            <a:avLst/>
          </a:prstGeom>
        </p:spPr>
        <p:txBody>
          <a:bodyPr lIns="0" tIns="0" rIns="0" bIns="0"/>
          <a:lstStyle>
            <a:lvl1pPr marL="0" indent="0" algn="l" defTabSz="914400" rtl="0" eaLnBrk="1" latinLnBrk="0" hangingPunct="1">
              <a:lnSpc>
                <a:spcPct val="100000"/>
              </a:lnSpc>
              <a:spcBef>
                <a:spcPts val="0"/>
              </a:spcBef>
              <a:spcAft>
                <a:spcPts val="1200"/>
              </a:spcAft>
              <a:buClr>
                <a:schemeClr val="accent6"/>
              </a:buClr>
              <a:buFont typeface="Arial" panose="020B0604020202020204" pitchFamily="34" charset="0"/>
              <a:buNone/>
              <a:defRPr lang="da-DK" sz="1200" b="1" kern="1200" baseline="0" dirty="0">
                <a:solidFill>
                  <a:srgbClr val="B3B3B3"/>
                </a:solidFill>
                <a:latin typeface="+mn-lt"/>
                <a:ea typeface="+mn-ea"/>
                <a:cs typeface="+mn-cs"/>
              </a:defRPr>
            </a:lvl1pPr>
            <a:lvl2pPr marL="504000" indent="-144000" algn="l" defTabSz="914400" rtl="0" eaLnBrk="1" latinLnBrk="0" hangingPunct="1">
              <a:spcBef>
                <a:spcPts val="0"/>
              </a:spcBef>
              <a:spcAft>
                <a:spcPts val="1200"/>
              </a:spcAft>
              <a:buClr>
                <a:schemeClr val="accent6"/>
              </a:buClr>
              <a:buFont typeface="Arial" panose="020B0604020202020204" pitchFamily="34" charset="0"/>
              <a:buChar char="•"/>
              <a:defRPr lang="da-DK" sz="2000" kern="1200" baseline="0" dirty="0" smtClean="0">
                <a:solidFill>
                  <a:schemeClr val="tx1"/>
                </a:solidFill>
                <a:latin typeface="+mn-lt"/>
                <a:ea typeface="+mn-ea"/>
                <a:cs typeface="+mn-cs"/>
              </a:defRPr>
            </a:lvl2pPr>
            <a:lvl3pPr marL="828000" indent="-126000" algn="l" defTabSz="914400" rtl="0" eaLnBrk="1" latinLnBrk="0" hangingPunct="1">
              <a:spcBef>
                <a:spcPts val="0"/>
              </a:spcBef>
              <a:spcAft>
                <a:spcPts val="1200"/>
              </a:spcAft>
              <a:buClr>
                <a:schemeClr val="accent6"/>
              </a:buClr>
              <a:buFont typeface="Arial" panose="020B0604020202020204" pitchFamily="34" charset="0"/>
              <a:buChar char="•"/>
              <a:defRPr lang="da-DK" sz="1800" kern="1200" dirty="0" smtClean="0">
                <a:solidFill>
                  <a:schemeClr val="tx1"/>
                </a:solidFill>
                <a:latin typeface="+mn-lt"/>
                <a:ea typeface="+mn-ea"/>
                <a:cs typeface="+mn-cs"/>
              </a:defRPr>
            </a:lvl3pPr>
            <a:lvl4pPr marL="1188000" indent="-108000" algn="l" defTabSz="914400" rtl="0" eaLnBrk="1" latinLnBrk="0" hangingPunct="1">
              <a:spcBef>
                <a:spcPts val="0"/>
              </a:spcBef>
              <a:spcAft>
                <a:spcPts val="1200"/>
              </a:spcAft>
              <a:buClr>
                <a:schemeClr val="accent6"/>
              </a:buClr>
              <a:buFont typeface="Arial" panose="020B0604020202020204" pitchFamily="34" charset="0"/>
              <a:buChar char="•"/>
              <a:defRPr lang="da-DK" sz="1600" kern="1200" dirty="0" smtClean="0">
                <a:solidFill>
                  <a:schemeClr val="tx1"/>
                </a:solidFill>
                <a:latin typeface="+mn-lt"/>
                <a:ea typeface="+mn-ea"/>
                <a:cs typeface="+mn-cs"/>
              </a:defRPr>
            </a:lvl4pPr>
            <a:lvl5pPr marL="1548000" indent="-108000" algn="l" defTabSz="914400" rtl="0" eaLnBrk="1" latinLnBrk="0" hangingPunct="1">
              <a:spcBef>
                <a:spcPts val="0"/>
              </a:spcBef>
              <a:spcAft>
                <a:spcPts val="1200"/>
              </a:spcAft>
              <a:buClr>
                <a:schemeClr val="accent6"/>
              </a:buClr>
              <a:buFont typeface="Arial" panose="020B0604020202020204" pitchFamily="34" charset="0"/>
              <a:buChar char="•"/>
              <a:defRPr lang="da-DK" sz="1400" kern="1200" dirty="0" smtClean="0">
                <a:solidFill>
                  <a:schemeClr val="tx1"/>
                </a:solidFill>
                <a:latin typeface="+mn-lt"/>
                <a:ea typeface="+mn-ea"/>
                <a:cs typeface="+mn-cs"/>
              </a:defRPr>
            </a:lvl5pPr>
            <a:lvl6pPr marL="1908000" indent="-90000" algn="l" defTabSz="914400" rtl="0" eaLnBrk="1" latinLnBrk="0" hangingPunct="1">
              <a:spcBef>
                <a:spcPts val="0"/>
              </a:spcBef>
              <a:spcAft>
                <a:spcPts val="1200"/>
              </a:spcAft>
              <a:buClr>
                <a:srgbClr val="7D7D7D"/>
              </a:buClr>
              <a:buFont typeface="Arial" panose="020B0604020202020204" pitchFamily="34" charset="0"/>
              <a:buChar char="•"/>
              <a:defRPr lang="da-DK" sz="1200" kern="1200" baseline="0" dirty="0">
                <a:solidFill>
                  <a:schemeClr val="tx1"/>
                </a:solidFill>
                <a:latin typeface="+mn-lt"/>
                <a:ea typeface="+mn-ea"/>
                <a:cs typeface="+mn-cs"/>
              </a:defRPr>
            </a:lvl6pPr>
            <a:lvl7pPr marL="2268000" indent="-90000" algn="l" defTabSz="914400" rtl="0" eaLnBrk="1" latinLnBrk="0" hangingPunct="1">
              <a:spcBef>
                <a:spcPts val="0"/>
              </a:spcBef>
              <a:spcAft>
                <a:spcPts val="1200"/>
              </a:spcAft>
              <a:buClr>
                <a:srgbClr val="7D7D7D"/>
              </a:buClr>
              <a:buFont typeface="Arial" panose="020B0604020202020204" pitchFamily="34" charset="0"/>
              <a:buChar char="•"/>
              <a:defRPr lang="da-DK" sz="1100" kern="1200" baseline="0" dirty="0">
                <a:solidFill>
                  <a:schemeClr val="tx1"/>
                </a:solidFill>
                <a:latin typeface="+mn-lt"/>
                <a:ea typeface="+mn-ea"/>
                <a:cs typeface="+mn-cs"/>
              </a:defRPr>
            </a:lvl7pPr>
            <a:lvl8pPr marL="2628000" indent="-90000" algn="l" defTabSz="914400" rtl="0" eaLnBrk="1" latinLnBrk="0" hangingPunct="1">
              <a:spcBef>
                <a:spcPts val="0"/>
              </a:spcBef>
              <a:spcAft>
                <a:spcPts val="1200"/>
              </a:spcAft>
              <a:buClr>
                <a:srgbClr val="7D7D7D"/>
              </a:buClr>
              <a:buFont typeface="Arial" panose="020B0604020202020204" pitchFamily="34" charset="0"/>
              <a:buChar char="•"/>
              <a:defRPr lang="da-DK" sz="1000" kern="1200" baseline="0" dirty="0">
                <a:solidFill>
                  <a:schemeClr val="tx1"/>
                </a:solidFill>
                <a:latin typeface="+mn-lt"/>
                <a:ea typeface="+mn-ea"/>
                <a:cs typeface="+mn-cs"/>
              </a:defRPr>
            </a:lvl8pPr>
            <a:lvl9pPr marL="2988000" indent="-90000" algn="l" defTabSz="914400" rtl="0" eaLnBrk="1" latinLnBrk="0" hangingPunct="1">
              <a:spcBef>
                <a:spcPts val="0"/>
              </a:spcBef>
              <a:spcAft>
                <a:spcPts val="1200"/>
              </a:spcAft>
              <a:buClr>
                <a:srgbClr val="808080"/>
              </a:buClr>
              <a:buFont typeface="Arial" panose="020B0604020202020204" pitchFamily="34" charset="0"/>
              <a:buChar char="•"/>
              <a:defRPr sz="900" kern="1200">
                <a:solidFill>
                  <a:schemeClr val="tx1"/>
                </a:solidFill>
                <a:latin typeface="+mn-lt"/>
                <a:ea typeface="+mn-ea"/>
                <a:cs typeface="+mn-cs"/>
              </a:defRPr>
            </a:lvl9pPr>
          </a:lstStyle>
          <a:p>
            <a:r>
              <a:rPr lang="en-GB" sz="1950" dirty="0"/>
              <a:t>Stab og Strategi</a:t>
            </a:r>
          </a:p>
        </p:txBody>
      </p:sp>
      <p:sp>
        <p:nvSpPr>
          <p:cNvPr id="8" name="text" descr="{&quot;templafy&quot;:{&quot;id&quot;:&quot;4f869383-e54e-4926-a3fb-07af45e4dca7&quot;}}" title="UserProfile.Centers.Center_{{DocumentLanguage}}">
            <a:extLst>
              <a:ext uri="{FF2B5EF4-FFF2-40B4-BE49-F238E27FC236}">
                <a16:creationId xmlns:a16="http://schemas.microsoft.com/office/drawing/2014/main" id="{867010F9-A7D3-4A5E-BC65-021A3528870A}"/>
              </a:ext>
            </a:extLst>
          </p:cNvPr>
          <p:cNvSpPr txBox="1">
            <a:spLocks/>
          </p:cNvSpPr>
          <p:nvPr userDrawn="1"/>
        </p:nvSpPr>
        <p:spPr>
          <a:xfrm>
            <a:off x="1913583" y="566550"/>
            <a:ext cx="8568000" cy="591014"/>
          </a:xfrm>
          <a:prstGeom prst="rect">
            <a:avLst/>
          </a:prstGeom>
        </p:spPr>
        <p:txBody>
          <a:bodyPr lIns="0" tIns="0" rIns="0" bIns="0"/>
          <a:lstStyle>
            <a:lvl1pPr marL="0" indent="0" algn="l" defTabSz="914400" rtl="0" eaLnBrk="1" latinLnBrk="0" hangingPunct="1">
              <a:lnSpc>
                <a:spcPct val="100000"/>
              </a:lnSpc>
              <a:spcBef>
                <a:spcPts val="0"/>
              </a:spcBef>
              <a:spcAft>
                <a:spcPts val="1200"/>
              </a:spcAft>
              <a:buClr>
                <a:schemeClr val="accent6"/>
              </a:buClr>
              <a:buFont typeface="Arial" panose="020B0604020202020204" pitchFamily="34" charset="0"/>
              <a:buNone/>
              <a:defRPr lang="da-DK" sz="1200" b="1" kern="1200" baseline="0" dirty="0">
                <a:solidFill>
                  <a:srgbClr val="B3B3B3"/>
                </a:solidFill>
                <a:latin typeface="+mn-lt"/>
                <a:ea typeface="+mn-ea"/>
                <a:cs typeface="+mn-cs"/>
              </a:defRPr>
            </a:lvl1pPr>
            <a:lvl2pPr marL="504000" indent="-144000" algn="l" defTabSz="914400" rtl="0" eaLnBrk="1" latinLnBrk="0" hangingPunct="1">
              <a:spcBef>
                <a:spcPts val="0"/>
              </a:spcBef>
              <a:spcAft>
                <a:spcPts val="1200"/>
              </a:spcAft>
              <a:buClr>
                <a:schemeClr val="accent6"/>
              </a:buClr>
              <a:buFont typeface="Arial" panose="020B0604020202020204" pitchFamily="34" charset="0"/>
              <a:buChar char="•"/>
              <a:defRPr lang="da-DK" sz="2000" kern="1200" baseline="0" dirty="0" smtClean="0">
                <a:solidFill>
                  <a:schemeClr val="tx1"/>
                </a:solidFill>
                <a:latin typeface="+mn-lt"/>
                <a:ea typeface="+mn-ea"/>
                <a:cs typeface="+mn-cs"/>
              </a:defRPr>
            </a:lvl2pPr>
            <a:lvl3pPr marL="828000" indent="-126000" algn="l" defTabSz="914400" rtl="0" eaLnBrk="1" latinLnBrk="0" hangingPunct="1">
              <a:spcBef>
                <a:spcPts val="0"/>
              </a:spcBef>
              <a:spcAft>
                <a:spcPts val="1200"/>
              </a:spcAft>
              <a:buClr>
                <a:schemeClr val="accent6"/>
              </a:buClr>
              <a:buFont typeface="Arial" panose="020B0604020202020204" pitchFamily="34" charset="0"/>
              <a:buChar char="•"/>
              <a:defRPr lang="da-DK" sz="1800" kern="1200" dirty="0" smtClean="0">
                <a:solidFill>
                  <a:schemeClr val="tx1"/>
                </a:solidFill>
                <a:latin typeface="+mn-lt"/>
                <a:ea typeface="+mn-ea"/>
                <a:cs typeface="+mn-cs"/>
              </a:defRPr>
            </a:lvl3pPr>
            <a:lvl4pPr marL="1188000" indent="-108000" algn="l" defTabSz="914400" rtl="0" eaLnBrk="1" latinLnBrk="0" hangingPunct="1">
              <a:spcBef>
                <a:spcPts val="0"/>
              </a:spcBef>
              <a:spcAft>
                <a:spcPts val="1200"/>
              </a:spcAft>
              <a:buClr>
                <a:schemeClr val="accent6"/>
              </a:buClr>
              <a:buFont typeface="Arial" panose="020B0604020202020204" pitchFamily="34" charset="0"/>
              <a:buChar char="•"/>
              <a:defRPr lang="da-DK" sz="1600" kern="1200" dirty="0" smtClean="0">
                <a:solidFill>
                  <a:schemeClr val="tx1"/>
                </a:solidFill>
                <a:latin typeface="+mn-lt"/>
                <a:ea typeface="+mn-ea"/>
                <a:cs typeface="+mn-cs"/>
              </a:defRPr>
            </a:lvl4pPr>
            <a:lvl5pPr marL="1548000" indent="-108000" algn="l" defTabSz="914400" rtl="0" eaLnBrk="1" latinLnBrk="0" hangingPunct="1">
              <a:spcBef>
                <a:spcPts val="0"/>
              </a:spcBef>
              <a:spcAft>
                <a:spcPts val="1200"/>
              </a:spcAft>
              <a:buClr>
                <a:schemeClr val="accent6"/>
              </a:buClr>
              <a:buFont typeface="Arial" panose="020B0604020202020204" pitchFamily="34" charset="0"/>
              <a:buChar char="•"/>
              <a:defRPr lang="da-DK" sz="1400" kern="1200" dirty="0" smtClean="0">
                <a:solidFill>
                  <a:schemeClr val="tx1"/>
                </a:solidFill>
                <a:latin typeface="+mn-lt"/>
                <a:ea typeface="+mn-ea"/>
                <a:cs typeface="+mn-cs"/>
              </a:defRPr>
            </a:lvl5pPr>
            <a:lvl6pPr marL="1908000" indent="-90000" algn="l" defTabSz="914400" rtl="0" eaLnBrk="1" latinLnBrk="0" hangingPunct="1">
              <a:spcBef>
                <a:spcPts val="0"/>
              </a:spcBef>
              <a:spcAft>
                <a:spcPts val="1200"/>
              </a:spcAft>
              <a:buClr>
                <a:srgbClr val="7D7D7D"/>
              </a:buClr>
              <a:buFont typeface="Arial" panose="020B0604020202020204" pitchFamily="34" charset="0"/>
              <a:buChar char="•"/>
              <a:defRPr lang="da-DK" sz="1200" kern="1200" baseline="0" dirty="0">
                <a:solidFill>
                  <a:schemeClr val="tx1"/>
                </a:solidFill>
                <a:latin typeface="+mn-lt"/>
                <a:ea typeface="+mn-ea"/>
                <a:cs typeface="+mn-cs"/>
              </a:defRPr>
            </a:lvl6pPr>
            <a:lvl7pPr marL="2268000" indent="-90000" algn="l" defTabSz="914400" rtl="0" eaLnBrk="1" latinLnBrk="0" hangingPunct="1">
              <a:spcBef>
                <a:spcPts val="0"/>
              </a:spcBef>
              <a:spcAft>
                <a:spcPts val="1200"/>
              </a:spcAft>
              <a:buClr>
                <a:srgbClr val="7D7D7D"/>
              </a:buClr>
              <a:buFont typeface="Arial" panose="020B0604020202020204" pitchFamily="34" charset="0"/>
              <a:buChar char="•"/>
              <a:defRPr lang="da-DK" sz="1100" kern="1200" baseline="0" dirty="0">
                <a:solidFill>
                  <a:schemeClr val="tx1"/>
                </a:solidFill>
                <a:latin typeface="+mn-lt"/>
                <a:ea typeface="+mn-ea"/>
                <a:cs typeface="+mn-cs"/>
              </a:defRPr>
            </a:lvl7pPr>
            <a:lvl8pPr marL="2628000" indent="-90000" algn="l" defTabSz="914400" rtl="0" eaLnBrk="1" latinLnBrk="0" hangingPunct="1">
              <a:spcBef>
                <a:spcPts val="0"/>
              </a:spcBef>
              <a:spcAft>
                <a:spcPts val="1200"/>
              </a:spcAft>
              <a:buClr>
                <a:srgbClr val="7D7D7D"/>
              </a:buClr>
              <a:buFont typeface="Arial" panose="020B0604020202020204" pitchFamily="34" charset="0"/>
              <a:buChar char="•"/>
              <a:defRPr lang="da-DK" sz="1000" kern="1200" baseline="0" dirty="0">
                <a:solidFill>
                  <a:schemeClr val="tx1"/>
                </a:solidFill>
                <a:latin typeface="+mn-lt"/>
                <a:ea typeface="+mn-ea"/>
                <a:cs typeface="+mn-cs"/>
              </a:defRPr>
            </a:lvl8pPr>
            <a:lvl9pPr marL="2988000" indent="-90000" algn="l" defTabSz="914400" rtl="0" eaLnBrk="1" latinLnBrk="0" hangingPunct="1">
              <a:spcBef>
                <a:spcPts val="0"/>
              </a:spcBef>
              <a:spcAft>
                <a:spcPts val="1200"/>
              </a:spcAft>
              <a:buClr>
                <a:srgbClr val="808080"/>
              </a:buClr>
              <a:buFont typeface="Arial" panose="020B0604020202020204" pitchFamily="34" charset="0"/>
              <a:buChar char="•"/>
              <a:defRPr sz="900" kern="1200">
                <a:solidFill>
                  <a:schemeClr val="tx1"/>
                </a:solidFill>
                <a:latin typeface="+mn-lt"/>
                <a:ea typeface="+mn-ea"/>
                <a:cs typeface="+mn-cs"/>
              </a:defRPr>
            </a:lvl9pPr>
          </a:lstStyle>
          <a:p>
            <a:r>
              <a:rPr lang="en-GB" sz="1950" dirty="0">
                <a:solidFill>
                  <a:srgbClr val="B3B3B3"/>
                </a:solidFill>
              </a:rPr>
              <a:t>Center for Ejendomme</a:t>
            </a:r>
          </a:p>
        </p:txBody>
      </p:sp>
      <p:sp>
        <p:nvSpPr>
          <p:cNvPr id="9" name="text" descr="{&quot;templafy&quot;:{&quot;id&quot;:&quot;5e0d9629-6b26-4aa9-964a-da9d0b0ea589&quot;}}" title="Form.PresentationTitle">
            <a:extLst>
              <a:ext uri="{FF2B5EF4-FFF2-40B4-BE49-F238E27FC236}">
                <a16:creationId xmlns:a16="http://schemas.microsoft.com/office/drawing/2014/main" id="{53BDA2D0-B22F-42B1-A4C9-3F000756EB91}"/>
              </a:ext>
            </a:extLst>
          </p:cNvPr>
          <p:cNvSpPr txBox="1"/>
          <p:nvPr userDrawn="1"/>
        </p:nvSpPr>
        <p:spPr>
          <a:xfrm>
            <a:off x="1915200" y="8804880"/>
            <a:ext cx="5292000" cy="252000"/>
          </a:xfrm>
          <a:prstGeom prst="rect">
            <a:avLst/>
          </a:prstGeom>
          <a:noFill/>
        </p:spPr>
        <p:txBody>
          <a:bodyPr wrap="square" lIns="0" tIns="0" rIns="0" bIns="0" rtlCol="0">
            <a:noAutofit/>
          </a:bodyPr>
          <a:lstStyle/>
          <a:p>
            <a:endParaRPr lang="da-DK" sz="1390" dirty="0">
              <a:solidFill>
                <a:schemeClr val="bg1"/>
              </a:solidFill>
            </a:endParaRPr>
          </a:p>
        </p:txBody>
      </p:sp>
      <p:pic>
        <p:nvPicPr>
          <p:cNvPr id="1088777196" name="image" descr="{&quot;templafy&quot;:{&quot;id&quot;:&quot;04f7d8a2-1f5b-44d0-b558-9061b136b21a&quot;}}"/>
          <p:cNvPicPr>
            <a:picLocks noChangeAspect="1"/>
          </p:cNvPicPr>
          <p:nvPr/>
        </p:nvPicPr>
        <p:blipFill>
          <a:blip r:embed="rId2"/>
          <a:stretch>
            <a:fillRect/>
          </a:stretch>
        </p:blipFill>
        <p:spPr>
          <a:xfrm>
            <a:off x="10" y="8643600"/>
            <a:ext cx="957600" cy="957600"/>
          </a:xfrm>
          <a:prstGeom prst="rect">
            <a:avLst/>
          </a:prstGeom>
        </p:spPr>
      </p:pic>
      <p:pic>
        <p:nvPicPr>
          <p:cNvPr id="1788698741" name="image" descr="{&quot;templafy&quot;:{&quot;id&quot;:&quot;cb51898a-bb07-4308-b51e-1a626aa65a31&quot;}}"/>
          <p:cNvPicPr>
            <a:picLocks noChangeAspect="1"/>
          </p:cNvPicPr>
          <p:nvPr/>
        </p:nvPicPr>
        <p:blipFill>
          <a:blip r:embed="rId3"/>
          <a:stretch>
            <a:fillRect/>
          </a:stretch>
        </p:blipFill>
        <p:spPr>
          <a:xfrm>
            <a:off x="640080" y="8006005"/>
            <a:ext cx="962640" cy="962640"/>
          </a:xfrm>
          <a:prstGeom prst="rect">
            <a:avLst/>
          </a:prstGeom>
        </p:spPr>
      </p:pic>
      <p:pic>
        <p:nvPicPr>
          <p:cNvPr id="17" name="Region">
            <a:extLst>
              <a:ext uri="{FF2B5EF4-FFF2-40B4-BE49-F238E27FC236}">
                <a16:creationId xmlns:a16="http://schemas.microsoft.com/office/drawing/2014/main" id="{30058ECB-B484-48BD-9049-4B17351B1EA4}"/>
              </a:ext>
            </a:extLst>
          </p:cNvPr>
          <p:cNvPicPr>
            <a:picLocks noChangeAspect="1"/>
          </p:cNvPicPr>
          <p:nvPr userDrawn="1"/>
        </p:nvPicPr>
        <p:blipFill>
          <a:blip r:embed="rId4" cstate="print">
            <a:extLst>
              <a:ext uri="{28A0092B-C50C-407E-A947-70E740481C1C}">
                <a14:useLocalDpi xmlns:a14="http://schemas.microsoft.com/office/drawing/2010/main" val="0"/>
              </a:ext>
            </a:extLst>
          </a:blip>
          <a:stretch>
            <a:fillRect/>
          </a:stretch>
        </p:blipFill>
        <p:spPr>
          <a:xfrm>
            <a:off x="719235" y="8069575"/>
            <a:ext cx="162984" cy="832698"/>
          </a:xfrm>
          <a:prstGeom prst="rect">
            <a:avLst/>
          </a:prstGeom>
        </p:spPr>
      </p:pic>
      <p:pic>
        <p:nvPicPr>
          <p:cNvPr id="1930734960" name="image" descr="{&quot;templafy&quot;:{&quot;id&quot;:&quot;27214b97-3231-4e34-bccc-3103af027c61&quot;}}"/>
          <p:cNvPicPr>
            <a:picLocks noChangeAspect="1"/>
          </p:cNvPicPr>
          <p:nvPr/>
        </p:nvPicPr>
        <p:blipFill>
          <a:blip r:embed="rId5"/>
          <a:stretch>
            <a:fillRect/>
          </a:stretch>
        </p:blipFill>
        <p:spPr>
          <a:xfrm>
            <a:off x="8082654" y="8840160"/>
            <a:ext cx="1854720" cy="589680"/>
          </a:xfrm>
          <a:prstGeom prst="rect">
            <a:avLst/>
          </a:prstGeom>
        </p:spPr>
      </p:pic>
      <p:pic>
        <p:nvPicPr>
          <p:cNvPr id="1712921343" name="image" descr="{&quot;templafy&quot;:{&quot;id&quot;:&quot;0d816caf-f43e-4a92-a222-f124d3ddca14&quot;}}"/>
          <p:cNvPicPr>
            <a:picLocks noChangeAspect="1"/>
          </p:cNvPicPr>
          <p:nvPr/>
        </p:nvPicPr>
        <p:blipFill>
          <a:blip r:embed="rId5"/>
          <a:stretch>
            <a:fillRect/>
          </a:stretch>
        </p:blipFill>
        <p:spPr>
          <a:xfrm>
            <a:off x="15496618" y="1221786"/>
            <a:ext cx="1219680" cy="1260000"/>
          </a:xfrm>
          <a:prstGeom prst="rect">
            <a:avLst/>
          </a:prstGeom>
        </p:spPr>
      </p:pic>
      <p:pic>
        <p:nvPicPr>
          <p:cNvPr id="1471384711" name="image" descr="{&quot;templafy&quot;:{&quot;id&quot;:&quot;69ca4076-a5df-450b-ac15-750c34d77066&quot;}}"/>
          <p:cNvPicPr>
            <a:picLocks noChangeAspect="1"/>
          </p:cNvPicPr>
          <p:nvPr/>
        </p:nvPicPr>
        <p:blipFill>
          <a:blip r:embed="rId5"/>
          <a:stretch>
            <a:fillRect/>
          </a:stretch>
        </p:blipFill>
        <p:spPr>
          <a:xfrm>
            <a:off x="15496618" y="364907"/>
            <a:ext cx="1219680" cy="1260000"/>
          </a:xfrm>
          <a:prstGeom prst="rect">
            <a:avLst/>
          </a:prstGeom>
        </p:spPr>
      </p:pic>
      <p:sp>
        <p:nvSpPr>
          <p:cNvPr id="22" name="text" descr="{&quot;templafy&quot;:{&quot;id&quot;:&quot;fe58a177-dea6-4240-a754-b5e63af65495&quot;}}" title="UserProfile.Name">
            <a:extLst>
              <a:ext uri="{FF2B5EF4-FFF2-40B4-BE49-F238E27FC236}">
                <a16:creationId xmlns:a16="http://schemas.microsoft.com/office/drawing/2014/main" id="{2436B9E0-97E8-428C-B474-A1B8FBC4D037}"/>
              </a:ext>
            </a:extLst>
          </p:cNvPr>
          <p:cNvSpPr txBox="1"/>
          <p:nvPr userDrawn="1"/>
        </p:nvSpPr>
        <p:spPr>
          <a:xfrm>
            <a:off x="11047690" y="8804880"/>
            <a:ext cx="4742640" cy="252000"/>
          </a:xfrm>
          <a:prstGeom prst="rect">
            <a:avLst/>
          </a:prstGeom>
          <a:noFill/>
        </p:spPr>
        <p:txBody>
          <a:bodyPr wrap="square" lIns="0" tIns="0" rIns="0" bIns="0" rtlCol="0">
            <a:noAutofit/>
          </a:bodyPr>
          <a:lstStyle/>
          <a:p>
            <a:pPr algn="r"/>
            <a:endParaRPr lang="da-DK" sz="1390" dirty="0" err="1">
              <a:solidFill>
                <a:schemeClr val="bg1"/>
              </a:solidFill>
            </a:endParaRPr>
          </a:p>
        </p:txBody>
      </p:sp>
      <p:sp>
        <p:nvSpPr>
          <p:cNvPr id="23" name="text" descr="{&quot;templafy&quot;:{&quot;id&quot;:&quot;b89317b3-7de0-42a6-a9e0-d6c7a363b9e0&quot;}}" hidden="1" title="Form.Manuel_dato">
            <a:extLst>
              <a:ext uri="{FF2B5EF4-FFF2-40B4-BE49-F238E27FC236}">
                <a16:creationId xmlns:a16="http://schemas.microsoft.com/office/drawing/2014/main" id="{D852104B-31C3-45BB-B8A2-2EFD81BDA39E}"/>
              </a:ext>
            </a:extLst>
          </p:cNvPr>
          <p:cNvSpPr txBox="1"/>
          <p:nvPr userDrawn="1"/>
        </p:nvSpPr>
        <p:spPr>
          <a:xfrm>
            <a:off x="11047690" y="8804880"/>
            <a:ext cx="4742640" cy="252000"/>
          </a:xfrm>
          <a:prstGeom prst="rect">
            <a:avLst/>
          </a:prstGeom>
          <a:noFill/>
        </p:spPr>
        <p:txBody>
          <a:bodyPr wrap="square" lIns="0" tIns="0" rIns="0" bIns="0" rtlCol="0">
            <a:noAutofit/>
          </a:bodyPr>
          <a:lstStyle/>
          <a:p>
            <a:pPr algn="r"/>
            <a:endParaRPr lang="da-DK" sz="1390" dirty="0" err="1">
              <a:solidFill>
                <a:schemeClr val="bg1"/>
              </a:solidFill>
            </a:endParaRPr>
          </a:p>
        </p:txBody>
      </p:sp>
      <p:pic>
        <p:nvPicPr>
          <p:cNvPr id="984721069" name="image" descr="{&quot;templafy&quot;:{&quot;id&quot;:&quot;4544d656-16fb-470a-be40-1e006eb7202b&quot;}}"/>
          <p:cNvPicPr>
            <a:picLocks noChangeAspect="1"/>
          </p:cNvPicPr>
          <p:nvPr/>
        </p:nvPicPr>
        <p:blipFill>
          <a:blip r:embed="rId5"/>
          <a:stretch>
            <a:fillRect/>
          </a:stretch>
        </p:blipFill>
        <p:spPr>
          <a:xfrm>
            <a:off x="13940640" y="136080"/>
            <a:ext cx="3049200" cy="957600"/>
          </a:xfrm>
          <a:prstGeom prst="rect">
            <a:avLst/>
          </a:prstGeom>
        </p:spPr>
      </p:pic>
    </p:spTree>
    <p:extLst>
      <p:ext uri="{BB962C8B-B14F-4D97-AF65-F5344CB8AC3E}">
        <p14:creationId xmlns:p14="http://schemas.microsoft.com/office/powerpoint/2010/main" val="214061271"/>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preserve="1" userDrawn="1">
  <p:cSld name="Agenda">
    <p:bg>
      <p:bgPr>
        <a:blipFill dpi="0" rotWithShape="1">
          <a:blip r:embed="rId2">
            <a:lum/>
          </a:blip>
          <a:srcRect/>
          <a:stretch>
            <a:fillRect/>
          </a:stretch>
        </a:blipFill>
        <a:effectLst/>
      </p:bgPr>
    </p:bg>
    <p:spTree>
      <p:nvGrpSpPr>
        <p:cNvPr id="1" name=""/>
        <p:cNvGrpSpPr/>
        <p:nvPr/>
      </p:nvGrpSpPr>
      <p:grpSpPr>
        <a:xfrm>
          <a:off x="0" y="0"/>
          <a:ext cx="0" cy="0"/>
          <a:chOff x="0" y="0"/>
          <a:chExt cx="0" cy="0"/>
        </a:xfrm>
      </p:grpSpPr>
      <p:sp>
        <p:nvSpPr>
          <p:cNvPr id="8" name="Pladsholder til indhold 7">
            <a:extLst>
              <a:ext uri="{FF2B5EF4-FFF2-40B4-BE49-F238E27FC236}">
                <a16:creationId xmlns:a16="http://schemas.microsoft.com/office/drawing/2014/main" id="{2A0485A6-7DC6-4110-90A4-66D89187C94B}"/>
              </a:ext>
            </a:extLst>
          </p:cNvPr>
          <p:cNvSpPr>
            <a:spLocks noGrp="1"/>
          </p:cNvSpPr>
          <p:nvPr>
            <p:ph sz="quarter" idx="13" hasCustomPrompt="1"/>
          </p:nvPr>
        </p:nvSpPr>
        <p:spPr>
          <a:xfrm>
            <a:off x="1260045" y="2992161"/>
            <a:ext cx="10861088" cy="4838400"/>
          </a:xfrm>
          <a:prstGeom prst="rect">
            <a:avLst/>
          </a:prstGeom>
        </p:spPr>
        <p:txBody>
          <a:bodyPr/>
          <a:lstStyle>
            <a:lvl1pPr marL="300038" indent="-300038">
              <a:buSzPct val="110000"/>
              <a:buFontTx/>
              <a:buBlip>
                <a:blip r:embed="rId3"/>
              </a:buBlip>
              <a:defRPr sz="1575">
                <a:solidFill>
                  <a:schemeClr val="accent5">
                    <a:lumMod val="10000"/>
                  </a:schemeClr>
                </a:solidFill>
                <a:latin typeface="+mn-lt"/>
              </a:defRPr>
            </a:lvl1pPr>
            <a:lvl2pPr marL="660083" indent="-180023">
              <a:buFont typeface="Arial" panose="020B0604020202020204" pitchFamily="34" charset="0"/>
              <a:buChar char="•"/>
              <a:defRPr/>
            </a:lvl2pPr>
            <a:lvl3pPr marL="1140143" indent="-180023">
              <a:buFont typeface="Arial" panose="020B0604020202020204" pitchFamily="34" charset="0"/>
              <a:buChar char="•"/>
              <a:defRPr/>
            </a:lvl3pPr>
          </a:lstStyle>
          <a:p>
            <a:pPr lvl="0"/>
            <a:r>
              <a:rPr lang="da-DK" dirty="0"/>
              <a:t>Klik for at tilføje brødtekst 15pt</a:t>
            </a:r>
          </a:p>
          <a:p>
            <a:pPr marL="480060" marR="0" lvl="1" indent="-180023" algn="l" defTabSz="960120" rtl="0" eaLnBrk="1" fontAlgn="auto" latinLnBrk="0" hangingPunct="1">
              <a:lnSpc>
                <a:spcPct val="90000"/>
              </a:lnSpc>
              <a:spcBef>
                <a:spcPts val="525"/>
              </a:spcBef>
              <a:spcAft>
                <a:spcPts val="0"/>
              </a:spcAft>
              <a:buClr>
                <a:schemeClr val="bg1"/>
              </a:buClr>
              <a:buSzPct val="100000"/>
              <a:buFontTx/>
              <a:buBlip>
                <a:blip r:embed="rId3"/>
              </a:buBlip>
              <a:tabLst/>
              <a:defRPr/>
            </a:pPr>
            <a:r>
              <a:rPr lang="da-DK" dirty="0"/>
              <a:t>Andet niveau</a:t>
            </a:r>
          </a:p>
          <a:p>
            <a:pPr marL="660083" marR="0" lvl="1" indent="-180023" algn="l" defTabSz="960120" rtl="0" eaLnBrk="1" fontAlgn="auto" latinLnBrk="0" hangingPunct="1">
              <a:lnSpc>
                <a:spcPct val="90000"/>
              </a:lnSpc>
              <a:spcBef>
                <a:spcPts val="525"/>
              </a:spcBef>
              <a:spcAft>
                <a:spcPts val="0"/>
              </a:spcAft>
              <a:buClr>
                <a:schemeClr val="bg1"/>
              </a:buClr>
              <a:buSzPct val="100000"/>
              <a:buFontTx/>
              <a:buBlip>
                <a:blip r:embed="rId3"/>
              </a:buBlip>
              <a:tabLst/>
              <a:defRPr/>
            </a:pPr>
            <a:r>
              <a:rPr lang="da-DK" dirty="0"/>
              <a:t>Tredje niveau</a:t>
            </a:r>
          </a:p>
          <a:p>
            <a:pPr marL="960120" marR="0" lvl="2" indent="-180023" algn="l" defTabSz="960120" rtl="0" eaLnBrk="1" fontAlgn="auto" latinLnBrk="0" hangingPunct="1">
              <a:lnSpc>
                <a:spcPct val="90000"/>
              </a:lnSpc>
              <a:spcBef>
                <a:spcPts val="525"/>
              </a:spcBef>
              <a:spcAft>
                <a:spcPts val="0"/>
              </a:spcAft>
              <a:buClr>
                <a:schemeClr val="bg1"/>
              </a:buClr>
              <a:buSzPct val="100000"/>
              <a:buFontTx/>
              <a:buBlip>
                <a:blip r:embed="rId3"/>
              </a:buBlip>
              <a:tabLst/>
              <a:defRPr/>
            </a:pPr>
            <a:r>
              <a:rPr lang="da-DK" dirty="0"/>
              <a:t>Fjerde niveau</a:t>
            </a:r>
          </a:p>
          <a:p>
            <a:pPr marL="1440180" marR="0" lvl="3" indent="-180023" algn="l" defTabSz="960120" rtl="0" eaLnBrk="1" fontAlgn="auto" latinLnBrk="0" hangingPunct="1">
              <a:lnSpc>
                <a:spcPct val="90000"/>
              </a:lnSpc>
              <a:spcBef>
                <a:spcPts val="525"/>
              </a:spcBef>
              <a:spcAft>
                <a:spcPts val="0"/>
              </a:spcAft>
              <a:buClr>
                <a:schemeClr val="bg1"/>
              </a:buClr>
              <a:buSzPct val="100000"/>
              <a:buFontTx/>
              <a:buBlip>
                <a:blip r:embed="rId3"/>
              </a:buBlip>
              <a:tabLst/>
              <a:defRPr/>
            </a:pPr>
            <a:r>
              <a:rPr lang="da-DK" dirty="0"/>
              <a:t>Femte niveau</a:t>
            </a:r>
          </a:p>
        </p:txBody>
      </p:sp>
      <p:grpSp>
        <p:nvGrpSpPr>
          <p:cNvPr id="19" name="Gruppe 18">
            <a:extLst>
              <a:ext uri="{FF2B5EF4-FFF2-40B4-BE49-F238E27FC236}">
                <a16:creationId xmlns:a16="http://schemas.microsoft.com/office/drawing/2014/main" id="{A7E5948B-82A5-4F04-A964-EC51EEFF3F42}"/>
              </a:ext>
            </a:extLst>
          </p:cNvPr>
          <p:cNvGrpSpPr/>
          <p:nvPr userDrawn="1"/>
        </p:nvGrpSpPr>
        <p:grpSpPr>
          <a:xfrm>
            <a:off x="1260045" y="233302"/>
            <a:ext cx="5313032" cy="551850"/>
            <a:chOff x="633332" y="243430"/>
            <a:chExt cx="3795023" cy="394179"/>
          </a:xfrm>
        </p:grpSpPr>
        <p:sp>
          <p:nvSpPr>
            <p:cNvPr id="20" name="Tekstfelt 19">
              <a:extLst>
                <a:ext uri="{FF2B5EF4-FFF2-40B4-BE49-F238E27FC236}">
                  <a16:creationId xmlns:a16="http://schemas.microsoft.com/office/drawing/2014/main" id="{E9F48D0B-B16A-4A56-AA53-802CB73DDC1A}"/>
                </a:ext>
              </a:extLst>
            </p:cNvPr>
            <p:cNvSpPr txBox="1"/>
            <p:nvPr userDrawn="1"/>
          </p:nvSpPr>
          <p:spPr>
            <a:xfrm>
              <a:off x="633605" y="243430"/>
              <a:ext cx="3794750" cy="227535"/>
            </a:xfrm>
            <a:prstGeom prst="rect">
              <a:avLst/>
            </a:prstGeom>
            <a:noFill/>
          </p:spPr>
          <p:txBody>
            <a:bodyPr wrap="square">
              <a:spAutoFit/>
            </a:bodyPr>
            <a:lstStyle/>
            <a:p>
              <a:r>
                <a:rPr lang="da-DK" sz="1470" b="1" i="0" u="none" strike="noStrike" baseline="0" dirty="0">
                  <a:solidFill>
                    <a:srgbClr val="565656"/>
                  </a:solidFill>
                  <a:latin typeface="Mari Office" panose="020B0506040000020004" pitchFamily="34" charset="0"/>
                </a:rPr>
                <a:t>Center for Ejendomme og Rigshospitalet</a:t>
              </a:r>
              <a:endParaRPr lang="da-DK" sz="1155" b="1" dirty="0">
                <a:solidFill>
                  <a:schemeClr val="tx2"/>
                </a:solidFill>
                <a:latin typeface="Mari Office" panose="020B0506040000020004" pitchFamily="34" charset="0"/>
              </a:endParaRPr>
            </a:p>
          </p:txBody>
        </p:sp>
        <p:sp>
          <p:nvSpPr>
            <p:cNvPr id="21" name="Tekstfelt 20">
              <a:extLst>
                <a:ext uri="{FF2B5EF4-FFF2-40B4-BE49-F238E27FC236}">
                  <a16:creationId xmlns:a16="http://schemas.microsoft.com/office/drawing/2014/main" id="{591DE3B2-475F-4B55-A37E-289BC729C288}"/>
                </a:ext>
              </a:extLst>
            </p:cNvPr>
            <p:cNvSpPr txBox="1"/>
            <p:nvPr userDrawn="1"/>
          </p:nvSpPr>
          <p:spPr>
            <a:xfrm>
              <a:off x="633332" y="410074"/>
              <a:ext cx="2873259" cy="227535"/>
            </a:xfrm>
            <a:prstGeom prst="rect">
              <a:avLst/>
            </a:prstGeom>
            <a:noFill/>
          </p:spPr>
          <p:txBody>
            <a:bodyPr wrap="square">
              <a:spAutoFit/>
            </a:bodyPr>
            <a:lstStyle/>
            <a:p>
              <a:r>
                <a:rPr lang="da-DK" sz="1470" b="1" i="0" u="none" strike="noStrike" baseline="0" dirty="0">
                  <a:solidFill>
                    <a:srgbClr val="286E3C"/>
                  </a:solidFill>
                  <a:latin typeface="Mari Office" panose="020B0506040000020004" pitchFamily="34" charset="0"/>
                </a:rPr>
                <a:t>Mary Elizabeths Hospital</a:t>
              </a:r>
              <a:endParaRPr lang="da-DK" sz="1470" b="1" dirty="0">
                <a:solidFill>
                  <a:srgbClr val="286E3C"/>
                </a:solidFill>
                <a:latin typeface="Mari Office" panose="020B0506040000020004" pitchFamily="34" charset="0"/>
              </a:endParaRPr>
            </a:p>
          </p:txBody>
        </p:sp>
      </p:grpSp>
      <p:sp>
        <p:nvSpPr>
          <p:cNvPr id="22" name="Pladsholder til tekst 11">
            <a:extLst>
              <a:ext uri="{FF2B5EF4-FFF2-40B4-BE49-F238E27FC236}">
                <a16:creationId xmlns:a16="http://schemas.microsoft.com/office/drawing/2014/main" id="{E447A72F-9F64-43FC-A295-498BB36321D0}"/>
              </a:ext>
            </a:extLst>
          </p:cNvPr>
          <p:cNvSpPr>
            <a:spLocks noGrp="1"/>
          </p:cNvSpPr>
          <p:nvPr>
            <p:ph type="body" sz="quarter" idx="17" hasCustomPrompt="1"/>
          </p:nvPr>
        </p:nvSpPr>
        <p:spPr>
          <a:xfrm>
            <a:off x="1260427" y="1695006"/>
            <a:ext cx="10861088" cy="873226"/>
          </a:xfrm>
          <a:prstGeom prst="rect">
            <a:avLst/>
          </a:prstGeom>
        </p:spPr>
        <p:txBody>
          <a:bodyPr anchor="b">
            <a:noAutofit/>
          </a:bodyPr>
          <a:lstStyle>
            <a:lvl1pPr marL="0" indent="0">
              <a:spcBef>
                <a:spcPts val="0"/>
              </a:spcBef>
              <a:buNone/>
              <a:defRPr sz="3675" b="1">
                <a:solidFill>
                  <a:schemeClr val="bg1"/>
                </a:solidFill>
                <a:latin typeface="+mj-lt"/>
              </a:defRPr>
            </a:lvl1pPr>
          </a:lstStyle>
          <a:p>
            <a:pPr lvl="0"/>
            <a:r>
              <a:rPr lang="da-DK" dirty="0"/>
              <a:t>Overskrift 35pt skrives her</a:t>
            </a:r>
          </a:p>
        </p:txBody>
      </p:sp>
      <p:sp>
        <p:nvSpPr>
          <p:cNvPr id="10" name="Slide Number Placeholder 4">
            <a:extLst>
              <a:ext uri="{FF2B5EF4-FFF2-40B4-BE49-F238E27FC236}">
                <a16:creationId xmlns:a16="http://schemas.microsoft.com/office/drawing/2014/main" id="{2F9DB0FE-AE00-4771-804D-6772908F4668}"/>
              </a:ext>
            </a:extLst>
          </p:cNvPr>
          <p:cNvSpPr>
            <a:spLocks noGrp="1"/>
          </p:cNvSpPr>
          <p:nvPr>
            <p:ph type="sldNum" sz="quarter" idx="12"/>
          </p:nvPr>
        </p:nvSpPr>
        <p:spPr>
          <a:xfrm>
            <a:off x="15105347" y="8980814"/>
            <a:ext cx="962340" cy="499617"/>
          </a:xfrm>
          <a:prstGeom prst="rect">
            <a:avLst/>
          </a:prstGeom>
        </p:spPr>
        <p:txBody>
          <a:bodyPr/>
          <a:lstStyle>
            <a:lvl1pPr algn="ctr">
              <a:defRPr sz="1050" b="1">
                <a:solidFill>
                  <a:schemeClr val="tx2"/>
                </a:solidFill>
              </a:defRPr>
            </a:lvl1pPr>
          </a:lstStyle>
          <a:p>
            <a:fld id="{667EC89C-17A0-4E64-A6D2-B825673CEEDF}" type="slidenum">
              <a:rPr lang="da-DK" smtClean="0"/>
              <a:pPr/>
              <a:t>‹nr.›</a:t>
            </a:fld>
            <a:endParaRPr lang="da-DK" dirty="0"/>
          </a:p>
        </p:txBody>
      </p:sp>
    </p:spTree>
    <p:extLst>
      <p:ext uri="{BB962C8B-B14F-4D97-AF65-F5344CB8AC3E}">
        <p14:creationId xmlns:p14="http://schemas.microsoft.com/office/powerpoint/2010/main" val="3177406824"/>
      </p:ext>
    </p:extLst>
  </p:cSld>
  <p:clrMapOvr>
    <a:overrideClrMapping bg1="dk1" tx1="lt1" bg2="dk2" tx2="lt2" accent1="accent1" accent2="accent2" accent3="accent3" accent4="accent4" accent5="accent5" accent6="accent6" hlink="hlink" folHlink="folHlink"/>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preserve="1" userDrawn="1">
  <p:cSld name="Nyt afsnit">
    <p:bg>
      <p:bgPr>
        <a:blipFill dpi="0" rotWithShape="1">
          <a:blip r:embed="rId2">
            <a:lum/>
          </a:blip>
          <a:srcRect/>
          <a:stretch>
            <a:fillRect/>
          </a:stretch>
        </a:blipFill>
        <a:effectLst/>
      </p:bgPr>
    </p:bg>
    <p:spTree>
      <p:nvGrpSpPr>
        <p:cNvPr id="1" name=""/>
        <p:cNvGrpSpPr/>
        <p:nvPr/>
      </p:nvGrpSpPr>
      <p:grpSpPr>
        <a:xfrm>
          <a:off x="0" y="0"/>
          <a:ext cx="0" cy="0"/>
          <a:chOff x="0" y="0"/>
          <a:chExt cx="0" cy="0"/>
        </a:xfrm>
      </p:grpSpPr>
      <p:sp>
        <p:nvSpPr>
          <p:cNvPr id="3" name="Pladsholder til tekst 2">
            <a:extLst>
              <a:ext uri="{FF2B5EF4-FFF2-40B4-BE49-F238E27FC236}">
                <a16:creationId xmlns:a16="http://schemas.microsoft.com/office/drawing/2014/main" id="{A810B518-A1B6-4C8B-A1EA-58AE7B003AE3}"/>
              </a:ext>
            </a:extLst>
          </p:cNvPr>
          <p:cNvSpPr>
            <a:spLocks noGrp="1"/>
          </p:cNvSpPr>
          <p:nvPr>
            <p:ph type="body" sz="quarter" idx="14" hasCustomPrompt="1"/>
          </p:nvPr>
        </p:nvSpPr>
        <p:spPr>
          <a:xfrm>
            <a:off x="6011694" y="3289714"/>
            <a:ext cx="5045413" cy="2604977"/>
          </a:xfrm>
          <a:prstGeom prst="rect">
            <a:avLst/>
          </a:prstGeom>
        </p:spPr>
        <p:txBody>
          <a:bodyPr anchor="ctr" anchorCtr="0">
            <a:noAutofit/>
          </a:bodyPr>
          <a:lstStyle>
            <a:lvl1pPr marL="0" indent="0" algn="ctr">
              <a:spcBef>
                <a:spcPts val="0"/>
              </a:spcBef>
              <a:buNone/>
              <a:defRPr sz="4305" b="1">
                <a:ln>
                  <a:noFill/>
                </a:ln>
                <a:solidFill>
                  <a:schemeClr val="bg2"/>
                </a:solidFill>
                <a:latin typeface="+mj-lt"/>
              </a:defRPr>
            </a:lvl1pPr>
          </a:lstStyle>
          <a:p>
            <a:pPr lvl="0"/>
            <a:r>
              <a:rPr lang="da-DK" dirty="0"/>
              <a:t>Nyt afsnit /</a:t>
            </a:r>
            <a:br>
              <a:rPr lang="da-DK" dirty="0"/>
            </a:br>
            <a:r>
              <a:rPr lang="da-DK" dirty="0"/>
              <a:t>kapitel</a:t>
            </a:r>
          </a:p>
        </p:txBody>
      </p:sp>
    </p:spTree>
    <p:extLst>
      <p:ext uri="{BB962C8B-B14F-4D97-AF65-F5344CB8AC3E}">
        <p14:creationId xmlns:p14="http://schemas.microsoft.com/office/powerpoint/2010/main" val="1949737456"/>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preserve="1" userDrawn="1">
  <p:cSld name="Citat">
    <p:bg>
      <p:bgPr>
        <a:blipFill dpi="0" rotWithShape="1">
          <a:blip r:embed="rId2">
            <a:lum/>
          </a:blip>
          <a:srcRect/>
          <a:stretch>
            <a:fillRect/>
          </a:stretch>
        </a:blipFill>
        <a:effectLst/>
      </p:bgPr>
    </p:bg>
    <p:spTree>
      <p:nvGrpSpPr>
        <p:cNvPr id="1" name=""/>
        <p:cNvGrpSpPr/>
        <p:nvPr/>
      </p:nvGrpSpPr>
      <p:grpSpPr>
        <a:xfrm>
          <a:off x="0" y="0"/>
          <a:ext cx="0" cy="0"/>
          <a:chOff x="0" y="0"/>
          <a:chExt cx="0" cy="0"/>
        </a:xfrm>
      </p:grpSpPr>
      <p:sp>
        <p:nvSpPr>
          <p:cNvPr id="6" name="Pladsholder til tekst 5">
            <a:extLst>
              <a:ext uri="{FF2B5EF4-FFF2-40B4-BE49-F238E27FC236}">
                <a16:creationId xmlns:a16="http://schemas.microsoft.com/office/drawing/2014/main" id="{AFFBA6AA-66DF-4FBF-8210-9DBD347CFD82}"/>
              </a:ext>
            </a:extLst>
          </p:cNvPr>
          <p:cNvSpPr>
            <a:spLocks noGrp="1"/>
          </p:cNvSpPr>
          <p:nvPr>
            <p:ph type="body" sz="quarter" idx="15" hasCustomPrompt="1"/>
          </p:nvPr>
        </p:nvSpPr>
        <p:spPr>
          <a:xfrm>
            <a:off x="5628482" y="6106463"/>
            <a:ext cx="5811839" cy="505554"/>
          </a:xfrm>
          <a:prstGeom prst="rect">
            <a:avLst/>
          </a:prstGeom>
        </p:spPr>
        <p:txBody>
          <a:bodyPr>
            <a:normAutofit/>
          </a:bodyPr>
          <a:lstStyle>
            <a:lvl1pPr marL="0" indent="0" algn="ctr">
              <a:spcBef>
                <a:spcPts val="0"/>
              </a:spcBef>
              <a:buNone/>
              <a:defRPr sz="1680">
                <a:solidFill>
                  <a:schemeClr val="bg2"/>
                </a:solidFill>
                <a:latin typeface="+mn-lt"/>
              </a:defRPr>
            </a:lvl1pPr>
          </a:lstStyle>
          <a:p>
            <a:pPr lvl="0"/>
            <a:r>
              <a:rPr lang="da-DK" dirty="0"/>
              <a:t>— Navn Navnesen, Titel</a:t>
            </a:r>
          </a:p>
        </p:txBody>
      </p:sp>
      <p:sp>
        <p:nvSpPr>
          <p:cNvPr id="10" name="Pladsholder til tekst 2">
            <a:extLst>
              <a:ext uri="{FF2B5EF4-FFF2-40B4-BE49-F238E27FC236}">
                <a16:creationId xmlns:a16="http://schemas.microsoft.com/office/drawing/2014/main" id="{7C6C730E-7791-4210-8E71-A4D6BBF1BFCF}"/>
              </a:ext>
            </a:extLst>
          </p:cNvPr>
          <p:cNvSpPr>
            <a:spLocks noGrp="1"/>
          </p:cNvSpPr>
          <p:nvPr>
            <p:ph type="body" sz="quarter" idx="14" hasCustomPrompt="1"/>
          </p:nvPr>
        </p:nvSpPr>
        <p:spPr>
          <a:xfrm>
            <a:off x="3837673" y="3297439"/>
            <a:ext cx="9707880" cy="2604977"/>
          </a:xfrm>
          <a:prstGeom prst="rect">
            <a:avLst/>
          </a:prstGeom>
        </p:spPr>
        <p:txBody>
          <a:bodyPr anchor="ctr" anchorCtr="0">
            <a:noAutofit/>
          </a:bodyPr>
          <a:lstStyle>
            <a:lvl1pPr marL="0" indent="0" algn="ctr">
              <a:spcBef>
                <a:spcPts val="0"/>
              </a:spcBef>
              <a:buNone/>
              <a:defRPr sz="4410" b="1">
                <a:ln>
                  <a:noFill/>
                </a:ln>
                <a:solidFill>
                  <a:schemeClr val="bg2"/>
                </a:solidFill>
                <a:latin typeface="+mj-lt"/>
              </a:defRPr>
            </a:lvl1pPr>
          </a:lstStyle>
          <a:p>
            <a:pPr lvl="0"/>
            <a:r>
              <a:rPr lang="pt-BR" dirty="0"/>
              <a:t>“Indsæt citat her i to eller maks tre linjer” </a:t>
            </a:r>
          </a:p>
        </p:txBody>
      </p:sp>
    </p:spTree>
    <p:extLst>
      <p:ext uri="{BB962C8B-B14F-4D97-AF65-F5344CB8AC3E}">
        <p14:creationId xmlns:p14="http://schemas.microsoft.com/office/powerpoint/2010/main" val="1630414131"/>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preserve="1" userDrawn="1">
  <p:cSld name="Citat og billede">
    <p:bg>
      <p:bgPr>
        <a:blipFill dpi="0" rotWithShape="1">
          <a:blip r:embed="rId2">
            <a:lum/>
          </a:blip>
          <a:srcRect/>
          <a:stretch>
            <a:fillRect/>
          </a:stretch>
        </a:blipFill>
        <a:effectLst/>
      </p:bgPr>
    </p:bg>
    <p:spTree>
      <p:nvGrpSpPr>
        <p:cNvPr id="1" name=""/>
        <p:cNvGrpSpPr/>
        <p:nvPr/>
      </p:nvGrpSpPr>
      <p:grpSpPr>
        <a:xfrm>
          <a:off x="0" y="0"/>
          <a:ext cx="0" cy="0"/>
          <a:chOff x="0" y="0"/>
          <a:chExt cx="0" cy="0"/>
        </a:xfrm>
      </p:grpSpPr>
      <p:sp>
        <p:nvSpPr>
          <p:cNvPr id="11" name="Pladsholder til tekst 2">
            <a:extLst>
              <a:ext uri="{FF2B5EF4-FFF2-40B4-BE49-F238E27FC236}">
                <a16:creationId xmlns:a16="http://schemas.microsoft.com/office/drawing/2014/main" id="{C6093B52-A083-46E8-9374-9A2D8C4DE545}"/>
              </a:ext>
            </a:extLst>
          </p:cNvPr>
          <p:cNvSpPr>
            <a:spLocks noGrp="1"/>
          </p:cNvSpPr>
          <p:nvPr>
            <p:ph type="body" sz="quarter" idx="14" hasCustomPrompt="1"/>
          </p:nvPr>
        </p:nvSpPr>
        <p:spPr>
          <a:xfrm>
            <a:off x="1588741" y="3207888"/>
            <a:ext cx="5193863" cy="3802516"/>
          </a:xfrm>
          <a:prstGeom prst="rect">
            <a:avLst/>
          </a:prstGeom>
        </p:spPr>
        <p:txBody>
          <a:bodyPr anchor="ctr" anchorCtr="0">
            <a:noAutofit/>
          </a:bodyPr>
          <a:lstStyle>
            <a:lvl1pPr marL="0" indent="0" algn="ctr">
              <a:spcBef>
                <a:spcPts val="0"/>
              </a:spcBef>
              <a:buNone/>
              <a:defRPr sz="3675" b="1">
                <a:ln>
                  <a:noFill/>
                </a:ln>
                <a:solidFill>
                  <a:schemeClr val="bg2"/>
                </a:solidFill>
                <a:latin typeface="+mj-lt"/>
              </a:defRPr>
            </a:lvl1pPr>
          </a:lstStyle>
          <a:p>
            <a:pPr lvl="0"/>
            <a:r>
              <a:rPr lang="pt-BR" dirty="0"/>
              <a:t>“Indsæt citat her i to eller flere linjer” </a:t>
            </a:r>
          </a:p>
        </p:txBody>
      </p:sp>
      <p:pic>
        <p:nvPicPr>
          <p:cNvPr id="38" name="Billede 37" descr="Et billede, der indeholder person, væg, indendørs, blå&#10;&#10;Automatisk genereret beskrivelse">
            <a:extLst>
              <a:ext uri="{FF2B5EF4-FFF2-40B4-BE49-F238E27FC236}">
                <a16:creationId xmlns:a16="http://schemas.microsoft.com/office/drawing/2014/main" id="{96D470FA-647E-465B-879B-0BB2F969CAF9}"/>
              </a:ext>
            </a:extLst>
          </p:cNvPr>
          <p:cNvPicPr>
            <a:picLocks noChangeAspect="1"/>
          </p:cNvPicPr>
          <p:nvPr userDrawn="1"/>
        </p:nvPicPr>
        <p:blipFill rotWithShape="1">
          <a:blip r:embed="rId3">
            <a:extLst>
              <a:ext uri="{28A0092B-C50C-407E-A947-70E740481C1C}">
                <a14:useLocalDpi xmlns:a14="http://schemas.microsoft.com/office/drawing/2010/main" val="0"/>
              </a:ext>
            </a:extLst>
          </a:blip>
          <a:srcRect r="14763" b="19486"/>
          <a:stretch/>
        </p:blipFill>
        <p:spPr>
          <a:xfrm>
            <a:off x="8781449" y="1167865"/>
            <a:ext cx="7429695" cy="7658500"/>
          </a:xfrm>
          <a:prstGeom prst="rect">
            <a:avLst/>
          </a:prstGeom>
        </p:spPr>
      </p:pic>
      <p:sp>
        <p:nvSpPr>
          <p:cNvPr id="12" name="Pladsholder til billede 12">
            <a:extLst>
              <a:ext uri="{FF2B5EF4-FFF2-40B4-BE49-F238E27FC236}">
                <a16:creationId xmlns:a16="http://schemas.microsoft.com/office/drawing/2014/main" id="{593E9BB5-E358-4D93-9D11-8D9E40E37D2A}"/>
              </a:ext>
            </a:extLst>
          </p:cNvPr>
          <p:cNvSpPr>
            <a:spLocks noGrp="1"/>
          </p:cNvSpPr>
          <p:nvPr>
            <p:ph type="pic" sz="quarter" idx="15"/>
          </p:nvPr>
        </p:nvSpPr>
        <p:spPr>
          <a:xfrm>
            <a:off x="8781449" y="1167864"/>
            <a:ext cx="7429695" cy="7658500"/>
          </a:xfrm>
          <a:prstGeom prst="rect">
            <a:avLst/>
          </a:prstGeom>
        </p:spPr>
        <p:txBody>
          <a:bodyPr anchor="ctr"/>
          <a:lstStyle>
            <a:lvl1pPr marL="0" indent="0" algn="ctr">
              <a:buNone/>
              <a:defRPr>
                <a:solidFill>
                  <a:schemeClr val="bg2"/>
                </a:solidFill>
              </a:defRPr>
            </a:lvl1pPr>
          </a:lstStyle>
          <a:p>
            <a:r>
              <a:rPr lang="da-DK"/>
              <a:t>Klik på ikonet for at tilføje et billede</a:t>
            </a:r>
            <a:endParaRPr lang="da-DK" dirty="0"/>
          </a:p>
        </p:txBody>
      </p:sp>
      <p:sp>
        <p:nvSpPr>
          <p:cNvPr id="7" name="Slide Number Placeholder 4">
            <a:extLst>
              <a:ext uri="{FF2B5EF4-FFF2-40B4-BE49-F238E27FC236}">
                <a16:creationId xmlns:a16="http://schemas.microsoft.com/office/drawing/2014/main" id="{B29159A1-14B1-4B4B-8FE7-63C4C1E3F8CA}"/>
              </a:ext>
            </a:extLst>
          </p:cNvPr>
          <p:cNvSpPr>
            <a:spLocks noGrp="1"/>
          </p:cNvSpPr>
          <p:nvPr>
            <p:ph type="sldNum" sz="quarter" idx="12"/>
          </p:nvPr>
        </p:nvSpPr>
        <p:spPr>
          <a:xfrm>
            <a:off x="15105347" y="8980814"/>
            <a:ext cx="962340" cy="499617"/>
          </a:xfrm>
          <a:prstGeom prst="rect">
            <a:avLst/>
          </a:prstGeom>
        </p:spPr>
        <p:txBody>
          <a:bodyPr/>
          <a:lstStyle>
            <a:lvl1pPr algn="ctr">
              <a:defRPr sz="1050" b="1">
                <a:solidFill>
                  <a:schemeClr val="bg1"/>
                </a:solidFill>
              </a:defRPr>
            </a:lvl1pPr>
          </a:lstStyle>
          <a:p>
            <a:fld id="{667EC89C-17A0-4E64-A6D2-B825673CEEDF}" type="slidenum">
              <a:rPr lang="da-DK" smtClean="0"/>
              <a:pPr/>
              <a:t>‹nr.›</a:t>
            </a:fld>
            <a:endParaRPr lang="da-DK" dirty="0"/>
          </a:p>
        </p:txBody>
      </p:sp>
    </p:spTree>
    <p:extLst>
      <p:ext uri="{BB962C8B-B14F-4D97-AF65-F5344CB8AC3E}">
        <p14:creationId xmlns:p14="http://schemas.microsoft.com/office/powerpoint/2010/main" val="3298677682"/>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preserve="1" userDrawn="1">
  <p:cSld name="Tekst + figur">
    <p:bg>
      <p:bgPr>
        <a:blipFill dpi="0" rotWithShape="1">
          <a:blip r:embed="rId2">
            <a:lum/>
          </a:blip>
          <a:srcRect/>
          <a:stretch>
            <a:fillRect/>
          </a:stretch>
        </a:blipFill>
        <a:effectLst/>
      </p:bgPr>
    </p:bg>
    <p:spTree>
      <p:nvGrpSpPr>
        <p:cNvPr id="1" name=""/>
        <p:cNvGrpSpPr/>
        <p:nvPr/>
      </p:nvGrpSpPr>
      <p:grpSpPr>
        <a:xfrm>
          <a:off x="0" y="0"/>
          <a:ext cx="0" cy="0"/>
          <a:chOff x="0" y="0"/>
          <a:chExt cx="0" cy="0"/>
        </a:xfrm>
      </p:grpSpPr>
      <p:sp>
        <p:nvSpPr>
          <p:cNvPr id="20" name="Pladsholder til indhold 7">
            <a:extLst>
              <a:ext uri="{FF2B5EF4-FFF2-40B4-BE49-F238E27FC236}">
                <a16:creationId xmlns:a16="http://schemas.microsoft.com/office/drawing/2014/main" id="{0E592853-9767-48A1-AD0C-C1EDBEF977AF}"/>
              </a:ext>
            </a:extLst>
          </p:cNvPr>
          <p:cNvSpPr>
            <a:spLocks noGrp="1"/>
          </p:cNvSpPr>
          <p:nvPr>
            <p:ph sz="quarter" idx="13" hasCustomPrompt="1"/>
          </p:nvPr>
        </p:nvSpPr>
        <p:spPr>
          <a:xfrm>
            <a:off x="1260044" y="2922465"/>
            <a:ext cx="12715307" cy="4838400"/>
          </a:xfrm>
          <a:prstGeom prst="rect">
            <a:avLst/>
          </a:prstGeom>
        </p:spPr>
        <p:txBody>
          <a:bodyPr/>
          <a:lstStyle>
            <a:lvl1pPr marL="300038" indent="-300038">
              <a:buSzPct val="110000"/>
              <a:buFontTx/>
              <a:buBlip>
                <a:blip r:embed="rId3"/>
              </a:buBlip>
              <a:defRPr sz="1575">
                <a:solidFill>
                  <a:srgbClr val="32283C"/>
                </a:solidFill>
                <a:latin typeface="+mn-lt"/>
              </a:defRPr>
            </a:lvl1pPr>
          </a:lstStyle>
          <a:p>
            <a:pPr lvl="0"/>
            <a:r>
              <a:rPr lang="da-DK" dirty="0"/>
              <a:t>Klik for at tilføje brødtekst 15pt</a:t>
            </a:r>
          </a:p>
          <a:p>
            <a:pPr marL="480060" marR="0" lvl="1" indent="-180023" algn="l" defTabSz="960120" rtl="0" eaLnBrk="1" fontAlgn="auto" latinLnBrk="0" hangingPunct="1">
              <a:lnSpc>
                <a:spcPct val="90000"/>
              </a:lnSpc>
              <a:spcBef>
                <a:spcPts val="525"/>
              </a:spcBef>
              <a:spcAft>
                <a:spcPts val="0"/>
              </a:spcAft>
              <a:buClr>
                <a:schemeClr val="bg1"/>
              </a:buClr>
              <a:buSzPct val="100000"/>
              <a:buFontTx/>
              <a:buBlip>
                <a:blip r:embed="rId3"/>
              </a:buBlip>
              <a:tabLst/>
              <a:defRPr/>
            </a:pPr>
            <a:r>
              <a:rPr lang="da-DK" dirty="0"/>
              <a:t>Andet niveau</a:t>
            </a:r>
          </a:p>
          <a:p>
            <a:pPr marL="660083" marR="0" lvl="1" indent="-180023" algn="l" defTabSz="960120" rtl="0" eaLnBrk="1" fontAlgn="auto" latinLnBrk="0" hangingPunct="1">
              <a:lnSpc>
                <a:spcPct val="90000"/>
              </a:lnSpc>
              <a:spcBef>
                <a:spcPts val="525"/>
              </a:spcBef>
              <a:spcAft>
                <a:spcPts val="0"/>
              </a:spcAft>
              <a:buClr>
                <a:schemeClr val="bg1"/>
              </a:buClr>
              <a:buSzPct val="100000"/>
              <a:buFontTx/>
              <a:buBlip>
                <a:blip r:embed="rId3"/>
              </a:buBlip>
              <a:tabLst/>
              <a:defRPr/>
            </a:pPr>
            <a:r>
              <a:rPr lang="da-DK" dirty="0"/>
              <a:t>Tredje niveau</a:t>
            </a:r>
          </a:p>
          <a:p>
            <a:pPr marL="960120" marR="0" lvl="2" indent="-180023" algn="l" defTabSz="960120" rtl="0" eaLnBrk="1" fontAlgn="auto" latinLnBrk="0" hangingPunct="1">
              <a:lnSpc>
                <a:spcPct val="90000"/>
              </a:lnSpc>
              <a:spcBef>
                <a:spcPts val="525"/>
              </a:spcBef>
              <a:spcAft>
                <a:spcPts val="0"/>
              </a:spcAft>
              <a:buClr>
                <a:schemeClr val="bg1"/>
              </a:buClr>
              <a:buSzPct val="100000"/>
              <a:buFontTx/>
              <a:buBlip>
                <a:blip r:embed="rId3"/>
              </a:buBlip>
              <a:tabLst/>
              <a:defRPr/>
            </a:pPr>
            <a:r>
              <a:rPr lang="da-DK" dirty="0"/>
              <a:t>Fjerde niveau</a:t>
            </a:r>
          </a:p>
          <a:p>
            <a:pPr marL="1440180" marR="0" lvl="3" indent="-180023" algn="l" defTabSz="960120" rtl="0" eaLnBrk="1" fontAlgn="auto" latinLnBrk="0" hangingPunct="1">
              <a:lnSpc>
                <a:spcPct val="90000"/>
              </a:lnSpc>
              <a:spcBef>
                <a:spcPts val="525"/>
              </a:spcBef>
              <a:spcAft>
                <a:spcPts val="0"/>
              </a:spcAft>
              <a:buClr>
                <a:schemeClr val="bg1"/>
              </a:buClr>
              <a:buSzPct val="100000"/>
              <a:buFontTx/>
              <a:buBlip>
                <a:blip r:embed="rId3"/>
              </a:buBlip>
              <a:tabLst/>
              <a:defRPr/>
            </a:pPr>
            <a:r>
              <a:rPr lang="da-DK" dirty="0"/>
              <a:t>Femte niveau</a:t>
            </a:r>
          </a:p>
          <a:p>
            <a:pPr lvl="0"/>
            <a:endParaRPr lang="da-DK" dirty="0"/>
          </a:p>
        </p:txBody>
      </p:sp>
      <p:grpSp>
        <p:nvGrpSpPr>
          <p:cNvPr id="27" name="Gruppe 26">
            <a:extLst>
              <a:ext uri="{FF2B5EF4-FFF2-40B4-BE49-F238E27FC236}">
                <a16:creationId xmlns:a16="http://schemas.microsoft.com/office/drawing/2014/main" id="{01BC3504-01AF-488A-A8A0-95072FFD0552}"/>
              </a:ext>
            </a:extLst>
          </p:cNvPr>
          <p:cNvGrpSpPr/>
          <p:nvPr userDrawn="1"/>
        </p:nvGrpSpPr>
        <p:grpSpPr>
          <a:xfrm>
            <a:off x="1260046" y="233302"/>
            <a:ext cx="5383709" cy="551850"/>
            <a:chOff x="633332" y="243430"/>
            <a:chExt cx="3845507" cy="394179"/>
          </a:xfrm>
        </p:grpSpPr>
        <p:sp>
          <p:nvSpPr>
            <p:cNvPr id="28" name="Tekstfelt 27">
              <a:extLst>
                <a:ext uri="{FF2B5EF4-FFF2-40B4-BE49-F238E27FC236}">
                  <a16:creationId xmlns:a16="http://schemas.microsoft.com/office/drawing/2014/main" id="{12596A27-54CE-48C2-9913-6D1632EDEC20}"/>
                </a:ext>
              </a:extLst>
            </p:cNvPr>
            <p:cNvSpPr txBox="1"/>
            <p:nvPr userDrawn="1"/>
          </p:nvSpPr>
          <p:spPr>
            <a:xfrm>
              <a:off x="633605" y="243430"/>
              <a:ext cx="3845234" cy="389118"/>
            </a:xfrm>
            <a:prstGeom prst="rect">
              <a:avLst/>
            </a:prstGeom>
            <a:noFill/>
          </p:spPr>
          <p:txBody>
            <a:bodyPr wrap="square">
              <a:spAutoFit/>
            </a:bodyPr>
            <a:lstStyle/>
            <a:p>
              <a:pPr marL="0" marR="0" lvl="0" indent="0" algn="l" defTabSz="1075334" rtl="0" eaLnBrk="1" fontAlgn="auto" latinLnBrk="0" hangingPunct="1">
                <a:lnSpc>
                  <a:spcPct val="100000"/>
                </a:lnSpc>
                <a:spcBef>
                  <a:spcPts val="0"/>
                </a:spcBef>
                <a:spcAft>
                  <a:spcPts val="0"/>
                </a:spcAft>
                <a:buClrTx/>
                <a:buSzTx/>
                <a:buFontTx/>
                <a:buNone/>
                <a:tabLst/>
                <a:defRPr/>
              </a:pPr>
              <a:r>
                <a:rPr lang="da-DK" sz="1470" b="1" i="0" u="none" strike="noStrike" baseline="0" dirty="0">
                  <a:solidFill>
                    <a:srgbClr val="565656"/>
                  </a:solidFill>
                  <a:latin typeface="Mari Office" panose="020B0506040000020004" pitchFamily="34" charset="0"/>
                </a:rPr>
                <a:t>Center for Ejendomme og Rigshospitalet</a:t>
              </a:r>
              <a:endParaRPr lang="da-DK" sz="1155" b="1" dirty="0">
                <a:solidFill>
                  <a:schemeClr val="tx2"/>
                </a:solidFill>
                <a:latin typeface="Mari Office" panose="020B0506040000020004" pitchFamily="34" charset="0"/>
              </a:endParaRPr>
            </a:p>
            <a:p>
              <a:r>
                <a:rPr lang="da-DK" sz="1470" b="1" i="0" u="none" strike="noStrike" baseline="0" dirty="0">
                  <a:solidFill>
                    <a:srgbClr val="565656"/>
                  </a:solidFill>
                  <a:latin typeface="Mari Office" panose="020B0506040000020004" pitchFamily="34" charset="0"/>
                </a:rPr>
                <a:t> </a:t>
              </a:r>
              <a:endParaRPr lang="da-DK" sz="1155" b="1" dirty="0">
                <a:solidFill>
                  <a:schemeClr val="tx2"/>
                </a:solidFill>
                <a:latin typeface="Mari Office" panose="020B0506040000020004" pitchFamily="34" charset="0"/>
              </a:endParaRPr>
            </a:p>
          </p:txBody>
        </p:sp>
        <p:sp>
          <p:nvSpPr>
            <p:cNvPr id="29" name="Tekstfelt 28">
              <a:extLst>
                <a:ext uri="{FF2B5EF4-FFF2-40B4-BE49-F238E27FC236}">
                  <a16:creationId xmlns:a16="http://schemas.microsoft.com/office/drawing/2014/main" id="{25844952-ED33-4E3E-8184-EE016E0EC581}"/>
                </a:ext>
              </a:extLst>
            </p:cNvPr>
            <p:cNvSpPr txBox="1"/>
            <p:nvPr userDrawn="1"/>
          </p:nvSpPr>
          <p:spPr>
            <a:xfrm>
              <a:off x="633332" y="410074"/>
              <a:ext cx="2873259" cy="227535"/>
            </a:xfrm>
            <a:prstGeom prst="rect">
              <a:avLst/>
            </a:prstGeom>
            <a:noFill/>
          </p:spPr>
          <p:txBody>
            <a:bodyPr wrap="square">
              <a:spAutoFit/>
            </a:bodyPr>
            <a:lstStyle/>
            <a:p>
              <a:r>
                <a:rPr lang="da-DK" sz="1470" b="1" i="0" u="none" strike="noStrike" baseline="0" dirty="0">
                  <a:solidFill>
                    <a:srgbClr val="286E3C"/>
                  </a:solidFill>
                  <a:latin typeface="Mari Office" panose="020B0506040000020004" pitchFamily="34" charset="0"/>
                </a:rPr>
                <a:t>Mary Elizabeths Hospital</a:t>
              </a:r>
              <a:endParaRPr lang="da-DK" sz="1470" b="1" dirty="0">
                <a:solidFill>
                  <a:srgbClr val="286E3C"/>
                </a:solidFill>
                <a:latin typeface="Mari Office" panose="020B0506040000020004" pitchFamily="34" charset="0"/>
              </a:endParaRPr>
            </a:p>
          </p:txBody>
        </p:sp>
      </p:grpSp>
      <p:sp>
        <p:nvSpPr>
          <p:cNvPr id="30" name="Pladsholder til tekst 11">
            <a:extLst>
              <a:ext uri="{FF2B5EF4-FFF2-40B4-BE49-F238E27FC236}">
                <a16:creationId xmlns:a16="http://schemas.microsoft.com/office/drawing/2014/main" id="{76AB64A4-EC46-4269-929A-31D17562201D}"/>
              </a:ext>
            </a:extLst>
          </p:cNvPr>
          <p:cNvSpPr>
            <a:spLocks noGrp="1"/>
          </p:cNvSpPr>
          <p:nvPr>
            <p:ph type="body" sz="quarter" idx="17" hasCustomPrompt="1"/>
          </p:nvPr>
        </p:nvSpPr>
        <p:spPr>
          <a:xfrm>
            <a:off x="1260427" y="897492"/>
            <a:ext cx="12714923" cy="1670742"/>
          </a:xfrm>
          <a:prstGeom prst="rect">
            <a:avLst/>
          </a:prstGeom>
        </p:spPr>
        <p:txBody>
          <a:bodyPr anchor="b">
            <a:noAutofit/>
          </a:bodyPr>
          <a:lstStyle>
            <a:lvl1pPr marL="0" indent="0">
              <a:spcBef>
                <a:spcPts val="0"/>
              </a:spcBef>
              <a:buNone/>
              <a:defRPr sz="3675" b="1">
                <a:solidFill>
                  <a:schemeClr val="bg1"/>
                </a:solidFill>
                <a:latin typeface="+mj-lt"/>
              </a:defRPr>
            </a:lvl1pPr>
          </a:lstStyle>
          <a:p>
            <a:pPr lvl="0"/>
            <a:r>
              <a:rPr lang="da-DK" dirty="0"/>
              <a:t>Klik her for at tilføje overskrift</a:t>
            </a:r>
            <a:br>
              <a:rPr lang="da-DK" dirty="0"/>
            </a:br>
            <a:r>
              <a:rPr lang="da-DK" dirty="0"/>
              <a:t>– linje nummer to</a:t>
            </a:r>
          </a:p>
        </p:txBody>
      </p:sp>
      <p:sp>
        <p:nvSpPr>
          <p:cNvPr id="8" name="Slide Number Placeholder 4">
            <a:extLst>
              <a:ext uri="{FF2B5EF4-FFF2-40B4-BE49-F238E27FC236}">
                <a16:creationId xmlns:a16="http://schemas.microsoft.com/office/drawing/2014/main" id="{57ADAF7F-39B8-472A-8FA4-CEDCE19F7C2B}"/>
              </a:ext>
            </a:extLst>
          </p:cNvPr>
          <p:cNvSpPr>
            <a:spLocks noGrp="1"/>
          </p:cNvSpPr>
          <p:nvPr>
            <p:ph type="sldNum" sz="quarter" idx="12"/>
          </p:nvPr>
        </p:nvSpPr>
        <p:spPr>
          <a:xfrm>
            <a:off x="15105347" y="8980814"/>
            <a:ext cx="962340" cy="499617"/>
          </a:xfrm>
          <a:prstGeom prst="rect">
            <a:avLst/>
          </a:prstGeom>
        </p:spPr>
        <p:txBody>
          <a:bodyPr/>
          <a:lstStyle>
            <a:lvl1pPr algn="ctr">
              <a:defRPr sz="1050" b="1">
                <a:solidFill>
                  <a:schemeClr val="bg2"/>
                </a:solidFill>
              </a:defRPr>
            </a:lvl1pPr>
          </a:lstStyle>
          <a:p>
            <a:fld id="{667EC89C-17A0-4E64-A6D2-B825673CEEDF}" type="slidenum">
              <a:rPr lang="da-DK" smtClean="0"/>
              <a:pPr/>
              <a:t>‹nr.›</a:t>
            </a:fld>
            <a:endParaRPr lang="da-DK" dirty="0"/>
          </a:p>
        </p:txBody>
      </p:sp>
    </p:spTree>
    <p:extLst>
      <p:ext uri="{BB962C8B-B14F-4D97-AF65-F5344CB8AC3E}">
        <p14:creationId xmlns:p14="http://schemas.microsoft.com/office/powerpoint/2010/main" val="1263445053"/>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preserve="1" userDrawn="1">
  <p:cSld name="Tekst + foto 1">
    <p:spTree>
      <p:nvGrpSpPr>
        <p:cNvPr id="1" name=""/>
        <p:cNvGrpSpPr/>
        <p:nvPr/>
      </p:nvGrpSpPr>
      <p:grpSpPr>
        <a:xfrm>
          <a:off x="0" y="0"/>
          <a:ext cx="0" cy="0"/>
          <a:chOff x="0" y="0"/>
          <a:chExt cx="0" cy="0"/>
        </a:xfrm>
      </p:grpSpPr>
      <p:pic>
        <p:nvPicPr>
          <p:cNvPr id="14" name="Billede 13" descr="Et billede, der indeholder person, indendørs, væg, seng&#10;&#10;Automatisk genereret beskrivelse">
            <a:extLst>
              <a:ext uri="{FF2B5EF4-FFF2-40B4-BE49-F238E27FC236}">
                <a16:creationId xmlns:a16="http://schemas.microsoft.com/office/drawing/2014/main" id="{989E2AD7-B2C3-4AA8-903A-3E8D5254F621}"/>
              </a:ext>
            </a:extLst>
          </p:cNvPr>
          <p:cNvPicPr>
            <a:picLocks noChangeAspect="1"/>
          </p:cNvPicPr>
          <p:nvPr userDrawn="1"/>
        </p:nvPicPr>
        <p:blipFill rotWithShape="1">
          <a:blip r:embed="rId2">
            <a:extLst>
              <a:ext uri="{28A0092B-C50C-407E-A947-70E740481C1C}">
                <a14:useLocalDpi xmlns:a14="http://schemas.microsoft.com/office/drawing/2010/main" val="0"/>
              </a:ext>
            </a:extLst>
          </a:blip>
          <a:srcRect l="19237" t="12780" r="38167" b="6449"/>
          <a:stretch/>
        </p:blipFill>
        <p:spPr>
          <a:xfrm>
            <a:off x="9080415" y="1"/>
            <a:ext cx="7988381" cy="9601200"/>
          </a:xfrm>
          <a:prstGeom prst="rect">
            <a:avLst/>
          </a:prstGeom>
        </p:spPr>
      </p:pic>
      <p:sp>
        <p:nvSpPr>
          <p:cNvPr id="13" name="Pladsholder til billede 12">
            <a:extLst>
              <a:ext uri="{FF2B5EF4-FFF2-40B4-BE49-F238E27FC236}">
                <a16:creationId xmlns:a16="http://schemas.microsoft.com/office/drawing/2014/main" id="{3AC48AD9-D9E0-438B-BC5E-7C5060378C47}"/>
              </a:ext>
            </a:extLst>
          </p:cNvPr>
          <p:cNvSpPr>
            <a:spLocks noGrp="1"/>
          </p:cNvSpPr>
          <p:nvPr>
            <p:ph type="pic" sz="quarter" idx="13"/>
          </p:nvPr>
        </p:nvSpPr>
        <p:spPr>
          <a:xfrm>
            <a:off x="9080412" y="0"/>
            <a:ext cx="7988389" cy="9601200"/>
          </a:xfrm>
          <a:prstGeom prst="rect">
            <a:avLst/>
          </a:prstGeom>
        </p:spPr>
        <p:txBody>
          <a:bodyPr anchor="ctr"/>
          <a:lstStyle>
            <a:lvl1pPr marL="0" indent="0" algn="ctr">
              <a:buNone/>
              <a:defRPr>
                <a:solidFill>
                  <a:schemeClr val="bg2"/>
                </a:solidFill>
              </a:defRPr>
            </a:lvl1pPr>
          </a:lstStyle>
          <a:p>
            <a:r>
              <a:rPr lang="da-DK"/>
              <a:t>Klik på ikonet for at tilføje et billede</a:t>
            </a:r>
            <a:endParaRPr lang="da-DK" dirty="0"/>
          </a:p>
        </p:txBody>
      </p:sp>
      <p:sp>
        <p:nvSpPr>
          <p:cNvPr id="15" name="Pladsholder til tekst 11">
            <a:extLst>
              <a:ext uri="{FF2B5EF4-FFF2-40B4-BE49-F238E27FC236}">
                <a16:creationId xmlns:a16="http://schemas.microsoft.com/office/drawing/2014/main" id="{F8C88B9A-08B6-4A93-A601-DA2841D333FF}"/>
              </a:ext>
            </a:extLst>
          </p:cNvPr>
          <p:cNvSpPr>
            <a:spLocks noGrp="1"/>
          </p:cNvSpPr>
          <p:nvPr>
            <p:ph type="body" sz="quarter" idx="16" hasCustomPrompt="1"/>
          </p:nvPr>
        </p:nvSpPr>
        <p:spPr>
          <a:xfrm>
            <a:off x="1260428" y="897493"/>
            <a:ext cx="7273973" cy="1670740"/>
          </a:xfrm>
          <a:prstGeom prst="rect">
            <a:avLst/>
          </a:prstGeom>
        </p:spPr>
        <p:txBody>
          <a:bodyPr anchor="b">
            <a:noAutofit/>
          </a:bodyPr>
          <a:lstStyle>
            <a:lvl1pPr marL="0" indent="0">
              <a:spcBef>
                <a:spcPts val="0"/>
              </a:spcBef>
              <a:buNone/>
              <a:defRPr sz="3675" b="1">
                <a:solidFill>
                  <a:schemeClr val="bg1"/>
                </a:solidFill>
                <a:latin typeface="+mj-lt"/>
              </a:defRPr>
            </a:lvl1pPr>
          </a:lstStyle>
          <a:p>
            <a:pPr lvl="0"/>
            <a:r>
              <a:rPr lang="da-DK" dirty="0"/>
              <a:t>Tilføj overskrift</a:t>
            </a:r>
            <a:br>
              <a:rPr lang="da-DK" dirty="0"/>
            </a:br>
            <a:r>
              <a:rPr lang="da-DK" dirty="0"/>
              <a:t>– linje nummer to</a:t>
            </a:r>
          </a:p>
        </p:txBody>
      </p:sp>
      <p:grpSp>
        <p:nvGrpSpPr>
          <p:cNvPr id="20" name="Gruppe 19">
            <a:extLst>
              <a:ext uri="{FF2B5EF4-FFF2-40B4-BE49-F238E27FC236}">
                <a16:creationId xmlns:a16="http://schemas.microsoft.com/office/drawing/2014/main" id="{7572E675-90C3-459C-B111-179B19A4C8C0}"/>
              </a:ext>
            </a:extLst>
          </p:cNvPr>
          <p:cNvGrpSpPr/>
          <p:nvPr userDrawn="1"/>
        </p:nvGrpSpPr>
        <p:grpSpPr>
          <a:xfrm>
            <a:off x="1260045" y="233302"/>
            <a:ext cx="5012648" cy="551850"/>
            <a:chOff x="633332" y="243430"/>
            <a:chExt cx="3580463" cy="394179"/>
          </a:xfrm>
        </p:grpSpPr>
        <p:sp>
          <p:nvSpPr>
            <p:cNvPr id="21" name="Tekstfelt 20">
              <a:extLst>
                <a:ext uri="{FF2B5EF4-FFF2-40B4-BE49-F238E27FC236}">
                  <a16:creationId xmlns:a16="http://schemas.microsoft.com/office/drawing/2014/main" id="{B285D412-8121-46B6-9ABA-3A335B644BCB}"/>
                </a:ext>
              </a:extLst>
            </p:cNvPr>
            <p:cNvSpPr txBox="1"/>
            <p:nvPr userDrawn="1"/>
          </p:nvSpPr>
          <p:spPr>
            <a:xfrm>
              <a:off x="633604" y="243430"/>
              <a:ext cx="3580191" cy="227535"/>
            </a:xfrm>
            <a:prstGeom prst="rect">
              <a:avLst/>
            </a:prstGeom>
            <a:noFill/>
          </p:spPr>
          <p:txBody>
            <a:bodyPr wrap="square">
              <a:spAutoFit/>
            </a:bodyPr>
            <a:lstStyle/>
            <a:p>
              <a:r>
                <a:rPr lang="da-DK" sz="1470" b="1" i="0" u="none" strike="noStrike" baseline="0" dirty="0">
                  <a:solidFill>
                    <a:srgbClr val="565656"/>
                  </a:solidFill>
                  <a:latin typeface="Mari Office" panose="020B0506040000020004" pitchFamily="34" charset="0"/>
                </a:rPr>
                <a:t>Center for Ejendomme og Rigshospitalet</a:t>
              </a:r>
              <a:endParaRPr lang="da-DK" sz="1155" b="1" dirty="0">
                <a:solidFill>
                  <a:schemeClr val="tx2"/>
                </a:solidFill>
                <a:latin typeface="Mari Office" panose="020B0506040000020004" pitchFamily="34" charset="0"/>
              </a:endParaRPr>
            </a:p>
          </p:txBody>
        </p:sp>
        <p:sp>
          <p:nvSpPr>
            <p:cNvPr id="22" name="Tekstfelt 21">
              <a:extLst>
                <a:ext uri="{FF2B5EF4-FFF2-40B4-BE49-F238E27FC236}">
                  <a16:creationId xmlns:a16="http://schemas.microsoft.com/office/drawing/2014/main" id="{57E9607B-DD67-4E06-AD29-80D711F7F034}"/>
                </a:ext>
              </a:extLst>
            </p:cNvPr>
            <p:cNvSpPr txBox="1"/>
            <p:nvPr userDrawn="1"/>
          </p:nvSpPr>
          <p:spPr>
            <a:xfrm>
              <a:off x="633332" y="410074"/>
              <a:ext cx="2873259" cy="227535"/>
            </a:xfrm>
            <a:prstGeom prst="rect">
              <a:avLst/>
            </a:prstGeom>
            <a:noFill/>
          </p:spPr>
          <p:txBody>
            <a:bodyPr wrap="square">
              <a:spAutoFit/>
            </a:bodyPr>
            <a:lstStyle/>
            <a:p>
              <a:r>
                <a:rPr lang="da-DK" sz="1470" b="1" i="0" u="none" strike="noStrike" baseline="0" dirty="0">
                  <a:solidFill>
                    <a:srgbClr val="286E3C"/>
                  </a:solidFill>
                  <a:latin typeface="Mari Office" panose="020B0506040000020004" pitchFamily="34" charset="0"/>
                </a:rPr>
                <a:t>Mary Elizabeths Hospital</a:t>
              </a:r>
              <a:endParaRPr lang="da-DK" sz="1470" b="1" dirty="0">
                <a:solidFill>
                  <a:srgbClr val="286E3C"/>
                </a:solidFill>
                <a:latin typeface="Mari Office" panose="020B0506040000020004" pitchFamily="34" charset="0"/>
              </a:endParaRPr>
            </a:p>
          </p:txBody>
        </p:sp>
      </p:grpSp>
      <p:sp>
        <p:nvSpPr>
          <p:cNvPr id="23" name="Pladsholder til tekst 17">
            <a:extLst>
              <a:ext uri="{FF2B5EF4-FFF2-40B4-BE49-F238E27FC236}">
                <a16:creationId xmlns:a16="http://schemas.microsoft.com/office/drawing/2014/main" id="{E446A50B-8827-4719-B762-68E1462A92C3}"/>
              </a:ext>
            </a:extLst>
          </p:cNvPr>
          <p:cNvSpPr>
            <a:spLocks noGrp="1"/>
          </p:cNvSpPr>
          <p:nvPr>
            <p:ph type="body" sz="quarter" idx="19" hasCustomPrompt="1"/>
          </p:nvPr>
        </p:nvSpPr>
        <p:spPr>
          <a:xfrm>
            <a:off x="1260046" y="2922466"/>
            <a:ext cx="7274353" cy="5478462"/>
          </a:xfrm>
          <a:prstGeom prst="rect">
            <a:avLst/>
          </a:prstGeom>
        </p:spPr>
        <p:txBody>
          <a:bodyPr/>
          <a:lstStyle>
            <a:lvl1pPr marL="300038" indent="-300038">
              <a:buSzPct val="110000"/>
              <a:buFontTx/>
              <a:buBlip>
                <a:blip r:embed="rId3"/>
              </a:buBlip>
              <a:defRPr>
                <a:solidFill>
                  <a:srgbClr val="32283C"/>
                </a:solidFill>
                <a:latin typeface="+mn-lt"/>
              </a:defRPr>
            </a:lvl1pPr>
          </a:lstStyle>
          <a:p>
            <a:pPr lvl="0"/>
            <a:r>
              <a:rPr lang="da-DK" dirty="0"/>
              <a:t>Klik for at tilføje brødtekst 15pt</a:t>
            </a:r>
          </a:p>
          <a:p>
            <a:pPr marL="480060" marR="0" lvl="1" indent="-180023" algn="l" defTabSz="960120" rtl="0" eaLnBrk="1" fontAlgn="auto" latinLnBrk="0" hangingPunct="1">
              <a:lnSpc>
                <a:spcPct val="90000"/>
              </a:lnSpc>
              <a:spcBef>
                <a:spcPts val="525"/>
              </a:spcBef>
              <a:spcAft>
                <a:spcPts val="0"/>
              </a:spcAft>
              <a:buClr>
                <a:schemeClr val="bg1"/>
              </a:buClr>
              <a:buSzPct val="100000"/>
              <a:buFontTx/>
              <a:buBlip>
                <a:blip r:embed="rId3"/>
              </a:buBlip>
              <a:tabLst/>
              <a:defRPr/>
            </a:pPr>
            <a:r>
              <a:rPr lang="da-DK" dirty="0"/>
              <a:t>Andet niveau</a:t>
            </a:r>
          </a:p>
          <a:p>
            <a:pPr marL="660083" marR="0" lvl="1" indent="-180023" algn="l" defTabSz="960120" rtl="0" eaLnBrk="1" fontAlgn="auto" latinLnBrk="0" hangingPunct="1">
              <a:lnSpc>
                <a:spcPct val="90000"/>
              </a:lnSpc>
              <a:spcBef>
                <a:spcPts val="525"/>
              </a:spcBef>
              <a:spcAft>
                <a:spcPts val="0"/>
              </a:spcAft>
              <a:buClr>
                <a:schemeClr val="bg1"/>
              </a:buClr>
              <a:buSzPct val="100000"/>
              <a:buFontTx/>
              <a:buBlip>
                <a:blip r:embed="rId3"/>
              </a:buBlip>
              <a:tabLst/>
              <a:defRPr/>
            </a:pPr>
            <a:r>
              <a:rPr lang="da-DK" dirty="0"/>
              <a:t>Tredje niveau</a:t>
            </a:r>
          </a:p>
          <a:p>
            <a:pPr marL="960120" marR="0" lvl="2" indent="-180023" algn="l" defTabSz="960120" rtl="0" eaLnBrk="1" fontAlgn="auto" latinLnBrk="0" hangingPunct="1">
              <a:lnSpc>
                <a:spcPct val="90000"/>
              </a:lnSpc>
              <a:spcBef>
                <a:spcPts val="525"/>
              </a:spcBef>
              <a:spcAft>
                <a:spcPts val="0"/>
              </a:spcAft>
              <a:buClr>
                <a:schemeClr val="bg1"/>
              </a:buClr>
              <a:buSzPct val="100000"/>
              <a:buFontTx/>
              <a:buBlip>
                <a:blip r:embed="rId3"/>
              </a:buBlip>
              <a:tabLst/>
              <a:defRPr/>
            </a:pPr>
            <a:r>
              <a:rPr lang="da-DK" dirty="0"/>
              <a:t>Fjerde niveau</a:t>
            </a:r>
          </a:p>
          <a:p>
            <a:pPr marL="1440180" marR="0" lvl="3" indent="-180023" algn="l" defTabSz="960120" rtl="0" eaLnBrk="1" fontAlgn="auto" latinLnBrk="0" hangingPunct="1">
              <a:lnSpc>
                <a:spcPct val="90000"/>
              </a:lnSpc>
              <a:spcBef>
                <a:spcPts val="525"/>
              </a:spcBef>
              <a:spcAft>
                <a:spcPts val="0"/>
              </a:spcAft>
              <a:buClr>
                <a:schemeClr val="bg1"/>
              </a:buClr>
              <a:buSzPct val="100000"/>
              <a:buFontTx/>
              <a:buBlip>
                <a:blip r:embed="rId3"/>
              </a:buBlip>
              <a:tabLst/>
              <a:defRPr/>
            </a:pPr>
            <a:r>
              <a:rPr lang="da-DK" dirty="0"/>
              <a:t>Femte niveau</a:t>
            </a:r>
          </a:p>
        </p:txBody>
      </p:sp>
    </p:spTree>
    <p:extLst>
      <p:ext uri="{BB962C8B-B14F-4D97-AF65-F5344CB8AC3E}">
        <p14:creationId xmlns:p14="http://schemas.microsoft.com/office/powerpoint/2010/main" val="2221837464"/>
      </p:ext>
    </p:extLst>
  </p:cSld>
  <p:clrMapOvr>
    <a:masterClrMapping/>
  </p:clrMapOvr>
  <p:extLst>
    <p:ext uri="{DCECCB84-F9BA-43D5-87BE-67443E8EF086}">
      <p15:sldGuideLst xmlns:p15="http://schemas.microsoft.com/office/powerpoint/2012/main">
        <p15:guide id="1" orient="horz" pos="3024" userDrawn="1">
          <p15:clr>
            <a:srgbClr val="FBAE40"/>
          </p15:clr>
        </p15:guide>
        <p15:guide id="2" pos="5376" userDrawn="1">
          <p15:clr>
            <a:srgbClr val="FBAE40"/>
          </p15:clr>
        </p15:guide>
      </p15:sldGuideLst>
    </p:ext>
  </p:extLst>
</p:sldLayout>
</file>

<file path=ppt/slideLayouts/slideLayout9.xml><?xml version="1.0" encoding="utf-8"?>
<p:sldLayout xmlns:a="http://schemas.openxmlformats.org/drawingml/2006/main" xmlns:r="http://schemas.openxmlformats.org/officeDocument/2006/relationships" xmlns:p="http://schemas.openxmlformats.org/presentationml/2006/main" preserve="1" userDrawn="1">
  <p:cSld name="Tekst + foto 2">
    <p:bg>
      <p:bgPr>
        <a:blipFill dpi="0" rotWithShape="1">
          <a:blip r:embed="rId2">
            <a:lum/>
          </a:blip>
          <a:srcRect/>
          <a:stretch>
            <a:fillRect/>
          </a:stretch>
        </a:blipFill>
        <a:effectLst/>
      </p:bgPr>
    </p:bg>
    <p:spTree>
      <p:nvGrpSpPr>
        <p:cNvPr id="1" name=""/>
        <p:cNvGrpSpPr/>
        <p:nvPr/>
      </p:nvGrpSpPr>
      <p:grpSpPr>
        <a:xfrm>
          <a:off x="0" y="0"/>
          <a:ext cx="0" cy="0"/>
          <a:chOff x="0" y="0"/>
          <a:chExt cx="0" cy="0"/>
        </a:xfrm>
      </p:grpSpPr>
      <p:pic>
        <p:nvPicPr>
          <p:cNvPr id="24" name="Billede 23">
            <a:extLst>
              <a:ext uri="{FF2B5EF4-FFF2-40B4-BE49-F238E27FC236}">
                <a16:creationId xmlns:a16="http://schemas.microsoft.com/office/drawing/2014/main" id="{FAB2A820-1974-4662-8F79-A967E11B8351}"/>
              </a:ext>
            </a:extLst>
          </p:cNvPr>
          <p:cNvPicPr>
            <a:picLocks noChangeAspect="1"/>
          </p:cNvPicPr>
          <p:nvPr userDrawn="1"/>
        </p:nvPicPr>
        <p:blipFill>
          <a:blip r:embed="rId3">
            <a:extLst>
              <a:ext uri="{28A0092B-C50C-407E-A947-70E740481C1C}">
                <a14:useLocalDpi xmlns:a14="http://schemas.microsoft.com/office/drawing/2010/main" val="0"/>
              </a:ext>
            </a:extLst>
          </a:blip>
          <a:srcRect l="3264" r="3264"/>
          <a:stretch/>
        </p:blipFill>
        <p:spPr>
          <a:xfrm>
            <a:off x="-16971" y="0"/>
            <a:ext cx="7988381" cy="9601200"/>
          </a:xfrm>
          <a:prstGeom prst="rect">
            <a:avLst/>
          </a:prstGeom>
        </p:spPr>
      </p:pic>
      <p:sp>
        <p:nvSpPr>
          <p:cNvPr id="33" name="Pladsholder til tekst 17">
            <a:extLst>
              <a:ext uri="{FF2B5EF4-FFF2-40B4-BE49-F238E27FC236}">
                <a16:creationId xmlns:a16="http://schemas.microsoft.com/office/drawing/2014/main" id="{BEEAFEBA-F8C1-44FC-92F2-73DF522CE4B1}"/>
              </a:ext>
            </a:extLst>
          </p:cNvPr>
          <p:cNvSpPr>
            <a:spLocks noGrp="1"/>
          </p:cNvSpPr>
          <p:nvPr>
            <p:ph type="body" sz="quarter" idx="18" hasCustomPrompt="1"/>
          </p:nvPr>
        </p:nvSpPr>
        <p:spPr>
          <a:xfrm>
            <a:off x="8678910" y="2788178"/>
            <a:ext cx="7532236" cy="5478462"/>
          </a:xfrm>
          <a:prstGeom prst="rect">
            <a:avLst/>
          </a:prstGeom>
        </p:spPr>
        <p:txBody>
          <a:bodyPr/>
          <a:lstStyle>
            <a:lvl1pPr marL="300038" indent="-300038">
              <a:buSzPct val="110000"/>
              <a:buFontTx/>
              <a:buBlip>
                <a:blip r:embed="rId4"/>
              </a:buBlip>
              <a:defRPr>
                <a:solidFill>
                  <a:srgbClr val="32283C"/>
                </a:solidFill>
                <a:latin typeface="+mn-lt"/>
              </a:defRPr>
            </a:lvl1pPr>
          </a:lstStyle>
          <a:p>
            <a:pPr lvl="0"/>
            <a:r>
              <a:rPr lang="da-DK" dirty="0"/>
              <a:t>Klik for at tilføje brødtekst 15pt</a:t>
            </a:r>
          </a:p>
          <a:p>
            <a:pPr marL="480060" marR="0" lvl="1" indent="-180023" algn="l" defTabSz="960120" rtl="0" eaLnBrk="1" fontAlgn="auto" latinLnBrk="0" hangingPunct="1">
              <a:lnSpc>
                <a:spcPct val="90000"/>
              </a:lnSpc>
              <a:spcBef>
                <a:spcPts val="525"/>
              </a:spcBef>
              <a:spcAft>
                <a:spcPts val="0"/>
              </a:spcAft>
              <a:buClr>
                <a:schemeClr val="bg1"/>
              </a:buClr>
              <a:buSzPct val="100000"/>
              <a:buFontTx/>
              <a:buBlip>
                <a:blip r:embed="rId4"/>
              </a:buBlip>
              <a:tabLst/>
              <a:defRPr/>
            </a:pPr>
            <a:r>
              <a:rPr lang="da-DK" dirty="0"/>
              <a:t>Andet niveau</a:t>
            </a:r>
          </a:p>
          <a:p>
            <a:pPr marL="660083" marR="0" lvl="1" indent="-180023" algn="l" defTabSz="960120" rtl="0" eaLnBrk="1" fontAlgn="auto" latinLnBrk="0" hangingPunct="1">
              <a:lnSpc>
                <a:spcPct val="90000"/>
              </a:lnSpc>
              <a:spcBef>
                <a:spcPts val="525"/>
              </a:spcBef>
              <a:spcAft>
                <a:spcPts val="0"/>
              </a:spcAft>
              <a:buClr>
                <a:schemeClr val="bg1"/>
              </a:buClr>
              <a:buSzPct val="100000"/>
              <a:buFontTx/>
              <a:buBlip>
                <a:blip r:embed="rId4"/>
              </a:buBlip>
              <a:tabLst/>
              <a:defRPr/>
            </a:pPr>
            <a:r>
              <a:rPr lang="da-DK" dirty="0"/>
              <a:t>Tredje niveau</a:t>
            </a:r>
          </a:p>
          <a:p>
            <a:pPr marL="960120" marR="0" lvl="2" indent="-180023" algn="l" defTabSz="960120" rtl="0" eaLnBrk="1" fontAlgn="auto" latinLnBrk="0" hangingPunct="1">
              <a:lnSpc>
                <a:spcPct val="90000"/>
              </a:lnSpc>
              <a:spcBef>
                <a:spcPts val="525"/>
              </a:spcBef>
              <a:spcAft>
                <a:spcPts val="0"/>
              </a:spcAft>
              <a:buClr>
                <a:schemeClr val="bg1"/>
              </a:buClr>
              <a:buSzPct val="100000"/>
              <a:buFontTx/>
              <a:buBlip>
                <a:blip r:embed="rId4"/>
              </a:buBlip>
              <a:tabLst/>
              <a:defRPr/>
            </a:pPr>
            <a:r>
              <a:rPr lang="da-DK" dirty="0"/>
              <a:t>Fjerde niveau</a:t>
            </a:r>
          </a:p>
          <a:p>
            <a:pPr marL="1440180" marR="0" lvl="3" indent="-180023" algn="l" defTabSz="960120" rtl="0" eaLnBrk="1" fontAlgn="auto" latinLnBrk="0" hangingPunct="1">
              <a:lnSpc>
                <a:spcPct val="90000"/>
              </a:lnSpc>
              <a:spcBef>
                <a:spcPts val="525"/>
              </a:spcBef>
              <a:spcAft>
                <a:spcPts val="0"/>
              </a:spcAft>
              <a:buClr>
                <a:schemeClr val="bg1"/>
              </a:buClr>
              <a:buSzPct val="100000"/>
              <a:buFontTx/>
              <a:buBlip>
                <a:blip r:embed="rId4"/>
              </a:buBlip>
              <a:tabLst/>
              <a:defRPr/>
            </a:pPr>
            <a:r>
              <a:rPr lang="da-DK" dirty="0"/>
              <a:t>Femte niveau</a:t>
            </a:r>
          </a:p>
        </p:txBody>
      </p:sp>
      <p:sp>
        <p:nvSpPr>
          <p:cNvPr id="23" name="Pladsholder til billede 12">
            <a:extLst>
              <a:ext uri="{FF2B5EF4-FFF2-40B4-BE49-F238E27FC236}">
                <a16:creationId xmlns:a16="http://schemas.microsoft.com/office/drawing/2014/main" id="{90625F94-F216-4CBD-AA24-2949A4D199D4}"/>
              </a:ext>
            </a:extLst>
          </p:cNvPr>
          <p:cNvSpPr>
            <a:spLocks noGrp="1"/>
          </p:cNvSpPr>
          <p:nvPr>
            <p:ph type="pic" sz="quarter" idx="13"/>
          </p:nvPr>
        </p:nvSpPr>
        <p:spPr>
          <a:xfrm>
            <a:off x="-26529" y="0"/>
            <a:ext cx="7988389" cy="9601200"/>
          </a:xfrm>
          <a:prstGeom prst="rect">
            <a:avLst/>
          </a:prstGeom>
        </p:spPr>
        <p:txBody>
          <a:bodyPr anchor="ctr"/>
          <a:lstStyle>
            <a:lvl1pPr marL="0" indent="0" algn="ctr">
              <a:buNone/>
              <a:defRPr>
                <a:solidFill>
                  <a:schemeClr val="bg2"/>
                </a:solidFill>
              </a:defRPr>
            </a:lvl1pPr>
          </a:lstStyle>
          <a:p>
            <a:r>
              <a:rPr lang="da-DK"/>
              <a:t>Klik på ikonet for at tilføje et billede</a:t>
            </a:r>
            <a:endParaRPr lang="da-DK" dirty="0"/>
          </a:p>
        </p:txBody>
      </p:sp>
      <p:sp>
        <p:nvSpPr>
          <p:cNvPr id="7" name="Slide Number Placeholder 4">
            <a:extLst>
              <a:ext uri="{FF2B5EF4-FFF2-40B4-BE49-F238E27FC236}">
                <a16:creationId xmlns:a16="http://schemas.microsoft.com/office/drawing/2014/main" id="{C58A9ACE-EA3E-4DE2-BB26-2270292BDF33}"/>
              </a:ext>
            </a:extLst>
          </p:cNvPr>
          <p:cNvSpPr>
            <a:spLocks noGrp="1"/>
          </p:cNvSpPr>
          <p:nvPr>
            <p:ph type="sldNum" sz="quarter" idx="12"/>
          </p:nvPr>
        </p:nvSpPr>
        <p:spPr>
          <a:xfrm>
            <a:off x="15105347" y="8980814"/>
            <a:ext cx="962340" cy="499617"/>
          </a:xfrm>
          <a:prstGeom prst="rect">
            <a:avLst/>
          </a:prstGeom>
        </p:spPr>
        <p:txBody>
          <a:bodyPr/>
          <a:lstStyle>
            <a:lvl1pPr algn="ctr">
              <a:defRPr sz="1050" b="1">
                <a:solidFill>
                  <a:schemeClr val="bg2"/>
                </a:solidFill>
              </a:defRPr>
            </a:lvl1pPr>
          </a:lstStyle>
          <a:p>
            <a:fld id="{667EC89C-17A0-4E64-A6D2-B825673CEEDF}" type="slidenum">
              <a:rPr lang="da-DK" smtClean="0"/>
              <a:pPr/>
              <a:t>‹nr.›</a:t>
            </a:fld>
            <a:endParaRPr lang="da-DK" dirty="0"/>
          </a:p>
        </p:txBody>
      </p:sp>
      <p:sp>
        <p:nvSpPr>
          <p:cNvPr id="9" name="Pladsholder til tekst 11">
            <a:extLst>
              <a:ext uri="{FF2B5EF4-FFF2-40B4-BE49-F238E27FC236}">
                <a16:creationId xmlns:a16="http://schemas.microsoft.com/office/drawing/2014/main" id="{B881063A-E0E0-4251-A6E7-B13FF7C1A2D9}"/>
              </a:ext>
            </a:extLst>
          </p:cNvPr>
          <p:cNvSpPr>
            <a:spLocks noGrp="1"/>
          </p:cNvSpPr>
          <p:nvPr>
            <p:ph type="body" sz="quarter" idx="16" hasCustomPrompt="1"/>
          </p:nvPr>
        </p:nvSpPr>
        <p:spPr>
          <a:xfrm>
            <a:off x="8678910" y="897493"/>
            <a:ext cx="7532236" cy="1670740"/>
          </a:xfrm>
          <a:prstGeom prst="rect">
            <a:avLst/>
          </a:prstGeom>
        </p:spPr>
        <p:txBody>
          <a:bodyPr anchor="b">
            <a:noAutofit/>
          </a:bodyPr>
          <a:lstStyle>
            <a:lvl1pPr marL="0" indent="0">
              <a:spcBef>
                <a:spcPts val="0"/>
              </a:spcBef>
              <a:buNone/>
              <a:defRPr sz="3675" b="1">
                <a:solidFill>
                  <a:schemeClr val="bg1"/>
                </a:solidFill>
                <a:latin typeface="+mj-lt"/>
              </a:defRPr>
            </a:lvl1pPr>
          </a:lstStyle>
          <a:p>
            <a:pPr lvl="0"/>
            <a:r>
              <a:rPr lang="da-DK" dirty="0"/>
              <a:t>Tilføj overskrift</a:t>
            </a:r>
            <a:br>
              <a:rPr lang="da-DK" dirty="0"/>
            </a:br>
            <a:r>
              <a:rPr lang="da-DK" dirty="0"/>
              <a:t>– linje nummer to</a:t>
            </a:r>
          </a:p>
        </p:txBody>
      </p:sp>
    </p:spTree>
    <p:extLst>
      <p:ext uri="{BB962C8B-B14F-4D97-AF65-F5344CB8AC3E}">
        <p14:creationId xmlns:p14="http://schemas.microsoft.com/office/powerpoint/2010/main" val="2030746920"/>
      </p:ext>
    </p:extLst>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slideLayout" Target="../slideLayouts/slideLayout13.xml"/><Relationship Id="rId18" Type="http://schemas.openxmlformats.org/officeDocument/2006/relationships/slideLayout" Target="../slideLayouts/slideLayout18.xml"/><Relationship Id="rId26" Type="http://schemas.openxmlformats.org/officeDocument/2006/relationships/theme" Target="../theme/theme1.xml"/><Relationship Id="rId3" Type="http://schemas.openxmlformats.org/officeDocument/2006/relationships/slideLayout" Target="../slideLayouts/slideLayout3.xml"/><Relationship Id="rId21" Type="http://schemas.openxmlformats.org/officeDocument/2006/relationships/slideLayout" Target="../slideLayouts/slideLayout21.xml"/><Relationship Id="rId7" Type="http://schemas.openxmlformats.org/officeDocument/2006/relationships/slideLayout" Target="../slideLayouts/slideLayout7.xml"/><Relationship Id="rId12" Type="http://schemas.openxmlformats.org/officeDocument/2006/relationships/slideLayout" Target="../slideLayouts/slideLayout12.xml"/><Relationship Id="rId17" Type="http://schemas.openxmlformats.org/officeDocument/2006/relationships/slideLayout" Target="../slideLayouts/slideLayout17.xml"/><Relationship Id="rId25" Type="http://schemas.openxmlformats.org/officeDocument/2006/relationships/slideLayout" Target="../slideLayouts/slideLayout25.xml"/><Relationship Id="rId2" Type="http://schemas.openxmlformats.org/officeDocument/2006/relationships/slideLayout" Target="../slideLayouts/slideLayout2.xml"/><Relationship Id="rId16" Type="http://schemas.openxmlformats.org/officeDocument/2006/relationships/slideLayout" Target="../slideLayouts/slideLayout16.xml"/><Relationship Id="rId20" Type="http://schemas.openxmlformats.org/officeDocument/2006/relationships/slideLayout" Target="../slideLayouts/slideLayout20.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24" Type="http://schemas.openxmlformats.org/officeDocument/2006/relationships/slideLayout" Target="../slideLayouts/slideLayout24.xml"/><Relationship Id="rId5" Type="http://schemas.openxmlformats.org/officeDocument/2006/relationships/slideLayout" Target="../slideLayouts/slideLayout5.xml"/><Relationship Id="rId15" Type="http://schemas.openxmlformats.org/officeDocument/2006/relationships/slideLayout" Target="../slideLayouts/slideLayout15.xml"/><Relationship Id="rId23" Type="http://schemas.openxmlformats.org/officeDocument/2006/relationships/slideLayout" Target="../slideLayouts/slideLayout23.xml"/><Relationship Id="rId10" Type="http://schemas.openxmlformats.org/officeDocument/2006/relationships/slideLayout" Target="../slideLayouts/slideLayout10.xml"/><Relationship Id="rId19" Type="http://schemas.openxmlformats.org/officeDocument/2006/relationships/slideLayout" Target="../slideLayouts/slideLayout19.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 Id="rId22" Type="http://schemas.openxmlformats.org/officeDocument/2006/relationships/slideLayout" Target="../slideLayouts/slideLayout22.xml"/><Relationship Id="rId27" Type="http://schemas.openxmlformats.org/officeDocument/2006/relationships/image" Target="../media/image1.png"/></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Ref idx="1001">
        <a:schemeClr val="bg2"/>
      </p:bgRef>
    </p:bg>
    <p:spTree>
      <p:nvGrpSpPr>
        <p:cNvPr id="1" name=""/>
        <p:cNvGrpSpPr/>
        <p:nvPr/>
      </p:nvGrpSpPr>
      <p:grpSpPr>
        <a:xfrm>
          <a:off x="0" y="0"/>
          <a:ext cx="0" cy="0"/>
          <a:chOff x="0" y="0"/>
          <a:chExt cx="0" cy="0"/>
        </a:xfrm>
      </p:grpSpPr>
      <p:sp>
        <p:nvSpPr>
          <p:cNvPr id="2" name="Pladsholder til titel 1">
            <a:extLst>
              <a:ext uri="{FF2B5EF4-FFF2-40B4-BE49-F238E27FC236}">
                <a16:creationId xmlns:a16="http://schemas.microsoft.com/office/drawing/2014/main" id="{C86296BD-9E14-4763-8CD0-41574A246631}"/>
              </a:ext>
            </a:extLst>
          </p:cNvPr>
          <p:cNvSpPr>
            <a:spLocks noGrp="1"/>
          </p:cNvSpPr>
          <p:nvPr>
            <p:ph type="title"/>
          </p:nvPr>
        </p:nvSpPr>
        <p:spPr>
          <a:xfrm>
            <a:off x="1173481" y="1369474"/>
            <a:ext cx="7360920" cy="1492642"/>
          </a:xfrm>
          <a:prstGeom prst="rect">
            <a:avLst/>
          </a:prstGeom>
        </p:spPr>
        <p:txBody>
          <a:bodyPr vert="horz" lIns="91440" tIns="45720" rIns="91440" bIns="45720" rtlCol="0" anchor="ctr">
            <a:noAutofit/>
          </a:bodyPr>
          <a:lstStyle/>
          <a:p>
            <a:r>
              <a:rPr lang="da-DK" dirty="0"/>
              <a:t>Klik for at redigere titeltypografien i masteren</a:t>
            </a:r>
          </a:p>
        </p:txBody>
      </p:sp>
      <p:sp>
        <p:nvSpPr>
          <p:cNvPr id="4" name="Pladsholder til tekst 3">
            <a:extLst>
              <a:ext uri="{FF2B5EF4-FFF2-40B4-BE49-F238E27FC236}">
                <a16:creationId xmlns:a16="http://schemas.microsoft.com/office/drawing/2014/main" id="{918D16B9-E0DF-4902-8F3E-A395AF15F40F}"/>
              </a:ext>
            </a:extLst>
          </p:cNvPr>
          <p:cNvSpPr>
            <a:spLocks noGrp="1"/>
          </p:cNvSpPr>
          <p:nvPr>
            <p:ph type="body" idx="1"/>
          </p:nvPr>
        </p:nvSpPr>
        <p:spPr>
          <a:xfrm>
            <a:off x="1173479" y="3062312"/>
            <a:ext cx="14721840" cy="6091873"/>
          </a:xfrm>
          <a:prstGeom prst="rect">
            <a:avLst/>
          </a:prstGeom>
        </p:spPr>
        <p:txBody>
          <a:bodyPr vert="horz" lIns="91440" tIns="45720" rIns="91440" bIns="45720" rtlCol="0">
            <a:normAutofit/>
          </a:bodyPr>
          <a:lstStyle/>
          <a:p>
            <a:pPr lvl="0"/>
            <a:r>
              <a:rPr lang="da-DK" dirty="0"/>
              <a:t>Klik for at tilføje brødtekst 15pt</a:t>
            </a:r>
          </a:p>
          <a:p>
            <a:pPr marL="480060" marR="0" lvl="1" indent="-180023" algn="l" defTabSz="960120" rtl="0" eaLnBrk="1" fontAlgn="auto" latinLnBrk="0" hangingPunct="1">
              <a:lnSpc>
                <a:spcPct val="90000"/>
              </a:lnSpc>
              <a:spcBef>
                <a:spcPts val="525"/>
              </a:spcBef>
              <a:spcAft>
                <a:spcPts val="0"/>
              </a:spcAft>
              <a:buClr>
                <a:schemeClr val="bg1"/>
              </a:buClr>
              <a:buSzPct val="100000"/>
              <a:buFontTx/>
              <a:buBlip>
                <a:blip r:embed="rId27"/>
              </a:buBlip>
              <a:tabLst/>
              <a:defRPr/>
            </a:pPr>
            <a:r>
              <a:rPr lang="da-DK" dirty="0"/>
              <a:t>Andet niveau</a:t>
            </a:r>
          </a:p>
          <a:p>
            <a:pPr marL="660083" marR="0" lvl="1" indent="-180023" algn="l" defTabSz="960120" rtl="0" eaLnBrk="1" fontAlgn="auto" latinLnBrk="0" hangingPunct="1">
              <a:lnSpc>
                <a:spcPct val="90000"/>
              </a:lnSpc>
              <a:spcBef>
                <a:spcPts val="525"/>
              </a:spcBef>
              <a:spcAft>
                <a:spcPts val="0"/>
              </a:spcAft>
              <a:buClr>
                <a:schemeClr val="bg1"/>
              </a:buClr>
              <a:buSzPct val="100000"/>
              <a:buFontTx/>
              <a:buBlip>
                <a:blip r:embed="rId27"/>
              </a:buBlip>
              <a:tabLst/>
              <a:defRPr/>
            </a:pPr>
            <a:r>
              <a:rPr lang="da-DK" dirty="0"/>
              <a:t>Tredje niveau</a:t>
            </a:r>
          </a:p>
          <a:p>
            <a:pPr marL="960120" marR="0" lvl="2" indent="-180023" algn="l" defTabSz="960120" rtl="0" eaLnBrk="1" fontAlgn="auto" latinLnBrk="0" hangingPunct="1">
              <a:lnSpc>
                <a:spcPct val="90000"/>
              </a:lnSpc>
              <a:spcBef>
                <a:spcPts val="525"/>
              </a:spcBef>
              <a:spcAft>
                <a:spcPts val="0"/>
              </a:spcAft>
              <a:buClr>
                <a:schemeClr val="bg1"/>
              </a:buClr>
              <a:buSzPct val="100000"/>
              <a:buFontTx/>
              <a:buBlip>
                <a:blip r:embed="rId27"/>
              </a:buBlip>
              <a:tabLst/>
              <a:defRPr/>
            </a:pPr>
            <a:r>
              <a:rPr lang="da-DK" dirty="0"/>
              <a:t>Fjerde niveau</a:t>
            </a:r>
          </a:p>
          <a:p>
            <a:pPr marL="1440180" marR="0" lvl="3" indent="-180023" algn="l" defTabSz="960120" rtl="0" eaLnBrk="1" fontAlgn="auto" latinLnBrk="0" hangingPunct="1">
              <a:lnSpc>
                <a:spcPct val="90000"/>
              </a:lnSpc>
              <a:spcBef>
                <a:spcPts val="525"/>
              </a:spcBef>
              <a:spcAft>
                <a:spcPts val="0"/>
              </a:spcAft>
              <a:buClr>
                <a:schemeClr val="bg1"/>
              </a:buClr>
              <a:buSzPct val="100000"/>
              <a:buFontTx/>
              <a:buBlip>
                <a:blip r:embed="rId27"/>
              </a:buBlip>
              <a:tabLst/>
              <a:defRPr/>
            </a:pPr>
            <a:r>
              <a:rPr lang="da-DK" dirty="0"/>
              <a:t>Femte niveau</a:t>
            </a:r>
          </a:p>
          <a:p>
            <a:pPr marL="2340293" marR="0" lvl="4" indent="-180023" algn="l" defTabSz="960120" rtl="0" eaLnBrk="1" fontAlgn="auto" latinLnBrk="0" hangingPunct="1">
              <a:lnSpc>
                <a:spcPct val="90000"/>
              </a:lnSpc>
              <a:spcBef>
                <a:spcPts val="525"/>
              </a:spcBef>
              <a:spcAft>
                <a:spcPts val="0"/>
              </a:spcAft>
              <a:buClr>
                <a:schemeClr val="bg1"/>
              </a:buClr>
              <a:buSzPct val="100000"/>
              <a:buFontTx/>
              <a:buBlip>
                <a:blip r:embed="rId27"/>
              </a:buBlip>
              <a:tabLst/>
              <a:defRPr/>
            </a:pPr>
            <a:r>
              <a:rPr lang="da-DK" dirty="0"/>
              <a:t>6 niveau</a:t>
            </a:r>
          </a:p>
          <a:p>
            <a:pPr marL="2640330" marR="0" lvl="5" indent="-180023" algn="l" defTabSz="960120" rtl="0" eaLnBrk="1" fontAlgn="auto" latinLnBrk="0" hangingPunct="1">
              <a:lnSpc>
                <a:spcPct val="90000"/>
              </a:lnSpc>
              <a:spcBef>
                <a:spcPts val="525"/>
              </a:spcBef>
              <a:spcAft>
                <a:spcPts val="0"/>
              </a:spcAft>
              <a:buClr>
                <a:schemeClr val="bg1"/>
              </a:buClr>
              <a:buSzPct val="100000"/>
              <a:buFontTx/>
              <a:buBlip>
                <a:blip r:embed="rId27"/>
              </a:buBlip>
              <a:tabLst/>
              <a:defRPr/>
            </a:pPr>
            <a:r>
              <a:rPr lang="da-DK" dirty="0"/>
              <a:t>7 niveau</a:t>
            </a:r>
          </a:p>
          <a:p>
            <a:pPr marL="3120390" marR="0" lvl="6" indent="-180023" algn="l" defTabSz="960120" rtl="0" eaLnBrk="1" fontAlgn="auto" latinLnBrk="0" hangingPunct="1">
              <a:lnSpc>
                <a:spcPct val="90000"/>
              </a:lnSpc>
              <a:spcBef>
                <a:spcPts val="525"/>
              </a:spcBef>
              <a:spcAft>
                <a:spcPts val="0"/>
              </a:spcAft>
              <a:buClr>
                <a:schemeClr val="bg1"/>
              </a:buClr>
              <a:buSzPct val="100000"/>
              <a:buFontTx/>
              <a:buBlip>
                <a:blip r:embed="rId27"/>
              </a:buBlip>
              <a:tabLst/>
              <a:defRPr/>
            </a:pPr>
            <a:r>
              <a:rPr lang="da-DK" dirty="0"/>
              <a:t>8 niveau</a:t>
            </a:r>
          </a:p>
          <a:p>
            <a:pPr marL="3600450" marR="0" lvl="7" indent="-180023" algn="l" defTabSz="960120" rtl="0" eaLnBrk="1" fontAlgn="auto" latinLnBrk="0" hangingPunct="1">
              <a:lnSpc>
                <a:spcPct val="90000"/>
              </a:lnSpc>
              <a:spcBef>
                <a:spcPts val="525"/>
              </a:spcBef>
              <a:spcAft>
                <a:spcPts val="0"/>
              </a:spcAft>
              <a:buClr>
                <a:schemeClr val="bg1"/>
              </a:buClr>
              <a:buSzPct val="100000"/>
              <a:buFontTx/>
              <a:buBlip>
                <a:blip r:embed="rId27"/>
              </a:buBlip>
              <a:tabLst/>
              <a:defRPr/>
            </a:pPr>
            <a:r>
              <a:rPr lang="da-DK" dirty="0"/>
              <a:t>9 niveau</a:t>
            </a:r>
          </a:p>
          <a:p>
            <a:pPr marL="4080510" marR="0" lvl="8" indent="-180023" algn="l" defTabSz="960120" rtl="0" eaLnBrk="1" fontAlgn="auto" latinLnBrk="0" hangingPunct="1">
              <a:lnSpc>
                <a:spcPct val="90000"/>
              </a:lnSpc>
              <a:spcBef>
                <a:spcPts val="525"/>
              </a:spcBef>
              <a:spcAft>
                <a:spcPts val="0"/>
              </a:spcAft>
              <a:buClr>
                <a:schemeClr val="bg1"/>
              </a:buClr>
              <a:buSzPct val="100000"/>
              <a:buFontTx/>
              <a:buBlip>
                <a:blip r:embed="rId27"/>
              </a:buBlip>
              <a:tabLst/>
              <a:defRPr/>
            </a:pPr>
            <a:endParaRPr lang="da-DK" dirty="0"/>
          </a:p>
        </p:txBody>
      </p:sp>
    </p:spTree>
    <p:extLst>
      <p:ext uri="{BB962C8B-B14F-4D97-AF65-F5344CB8AC3E}">
        <p14:creationId xmlns:p14="http://schemas.microsoft.com/office/powerpoint/2010/main" val="941081401"/>
      </p:ext>
    </p:extLst>
  </p:cSld>
  <p:clrMap bg1="lt1" tx1="dk1" bg2="lt2" tx2="dk2" accent1="accent1" accent2="accent2" accent3="accent3" accent4="accent4" accent5="accent5" accent6="accent6" hlink="hlink" folHlink="folHlink"/>
  <p:sldLayoutIdLst>
    <p:sldLayoutId id="2147483649" r:id="rId1"/>
    <p:sldLayoutId id="2147483680" r:id="rId2"/>
    <p:sldLayoutId id="2147483678" r:id="rId3"/>
    <p:sldLayoutId id="2147483660" r:id="rId4"/>
    <p:sldLayoutId id="2147483679" r:id="rId5"/>
    <p:sldLayoutId id="2147483661" r:id="rId6"/>
    <p:sldLayoutId id="2147483664" r:id="rId7"/>
    <p:sldLayoutId id="2147483665" r:id="rId8"/>
    <p:sldLayoutId id="2147483681" r:id="rId9"/>
    <p:sldLayoutId id="2147483667" r:id="rId10"/>
    <p:sldLayoutId id="2147483669" r:id="rId11"/>
    <p:sldLayoutId id="2147483684" r:id="rId12"/>
    <p:sldLayoutId id="2147483708" r:id="rId13"/>
    <p:sldLayoutId id="2147483709" r:id="rId14"/>
    <p:sldLayoutId id="2147483670" r:id="rId15"/>
    <p:sldLayoutId id="2147483671" r:id="rId16"/>
    <p:sldLayoutId id="2147483672" r:id="rId17"/>
    <p:sldLayoutId id="2147483673" r:id="rId18"/>
    <p:sldLayoutId id="2147483705" r:id="rId19"/>
    <p:sldLayoutId id="2147483707" r:id="rId20"/>
    <p:sldLayoutId id="2147483711" r:id="rId21"/>
    <p:sldLayoutId id="2147483712" r:id="rId22"/>
    <p:sldLayoutId id="2147483714" r:id="rId23"/>
    <p:sldLayoutId id="2147483715" r:id="rId24"/>
    <p:sldLayoutId id="2147483716" r:id="rId25"/>
  </p:sldLayoutIdLst>
  <p:hf hdr="0" ftr="0" dt="0"/>
  <p:txStyles>
    <p:titleStyle>
      <a:lvl1pPr algn="l" defTabSz="960120" rtl="0" eaLnBrk="1" latinLnBrk="0" hangingPunct="1">
        <a:lnSpc>
          <a:spcPct val="90000"/>
        </a:lnSpc>
        <a:spcBef>
          <a:spcPct val="0"/>
        </a:spcBef>
        <a:buNone/>
        <a:defRPr sz="3675" b="1" kern="1200">
          <a:solidFill>
            <a:srgbClr val="286E3C"/>
          </a:solidFill>
          <a:latin typeface="Mari-Bold" panose="020B0000000000000000" pitchFamily="34" charset="0"/>
          <a:ea typeface="+mj-ea"/>
          <a:cs typeface="+mj-cs"/>
        </a:defRPr>
      </a:lvl1pPr>
    </p:titleStyle>
    <p:bodyStyle>
      <a:lvl1pPr marL="300038" indent="-300038" algn="l" defTabSz="960120" rtl="0" eaLnBrk="1" latinLnBrk="0" hangingPunct="1">
        <a:lnSpc>
          <a:spcPct val="90000"/>
        </a:lnSpc>
        <a:spcBef>
          <a:spcPts val="1050"/>
        </a:spcBef>
        <a:buFontTx/>
        <a:buBlip>
          <a:blip r:embed="rId27"/>
        </a:buBlip>
        <a:defRPr sz="1575" kern="1200">
          <a:solidFill>
            <a:schemeClr val="accent5">
              <a:lumMod val="10000"/>
            </a:schemeClr>
          </a:solidFill>
          <a:latin typeface="+mn-lt"/>
          <a:ea typeface="+mn-ea"/>
          <a:cs typeface="+mn-cs"/>
        </a:defRPr>
      </a:lvl1pPr>
      <a:lvl2pPr marL="480060" indent="0" algn="l" defTabSz="960120" rtl="0" eaLnBrk="1" latinLnBrk="0" hangingPunct="1">
        <a:lnSpc>
          <a:spcPct val="90000"/>
        </a:lnSpc>
        <a:spcBef>
          <a:spcPts val="525"/>
        </a:spcBef>
        <a:buClr>
          <a:schemeClr val="bg1"/>
        </a:buClr>
        <a:buSzPct val="100000"/>
        <a:buFontTx/>
        <a:buNone/>
        <a:defRPr sz="1365" kern="1200">
          <a:solidFill>
            <a:schemeClr val="accent5">
              <a:lumMod val="10000"/>
            </a:schemeClr>
          </a:solidFill>
          <a:latin typeface="+mn-lt"/>
          <a:ea typeface="+mn-ea"/>
          <a:cs typeface="+mn-cs"/>
        </a:defRPr>
      </a:lvl2pPr>
      <a:lvl3pPr marL="960120" indent="-180023" algn="l" defTabSz="960120" rtl="0" eaLnBrk="1" latinLnBrk="0" hangingPunct="1">
        <a:lnSpc>
          <a:spcPct val="90000"/>
        </a:lnSpc>
        <a:spcBef>
          <a:spcPts val="525"/>
        </a:spcBef>
        <a:buClr>
          <a:schemeClr val="bg1"/>
        </a:buClr>
        <a:buSzPct val="100000"/>
        <a:buFontTx/>
        <a:buBlip>
          <a:blip r:embed="rId27"/>
        </a:buBlip>
        <a:defRPr sz="1155" kern="1200">
          <a:solidFill>
            <a:schemeClr val="accent5">
              <a:lumMod val="10000"/>
            </a:schemeClr>
          </a:solidFill>
          <a:latin typeface="+mn-lt"/>
          <a:ea typeface="+mn-ea"/>
          <a:cs typeface="+mn-cs"/>
        </a:defRPr>
      </a:lvl3pPr>
      <a:lvl4pPr marL="1440180" indent="-180023" algn="l" defTabSz="960120" rtl="0" eaLnBrk="1" latinLnBrk="0" hangingPunct="1">
        <a:lnSpc>
          <a:spcPct val="90000"/>
        </a:lnSpc>
        <a:spcBef>
          <a:spcPts val="525"/>
        </a:spcBef>
        <a:buClr>
          <a:schemeClr val="bg1"/>
        </a:buClr>
        <a:buSzPct val="100000"/>
        <a:buFontTx/>
        <a:buBlip>
          <a:blip r:embed="rId27"/>
        </a:buBlip>
        <a:defRPr sz="1050" kern="1200">
          <a:solidFill>
            <a:schemeClr val="accent5">
              <a:lumMod val="10000"/>
            </a:schemeClr>
          </a:solidFill>
          <a:latin typeface="+mn-lt"/>
          <a:ea typeface="+mn-ea"/>
          <a:cs typeface="+mn-cs"/>
        </a:defRPr>
      </a:lvl4pPr>
      <a:lvl5pPr marL="2340293" indent="-180023" algn="l" defTabSz="960120" rtl="0" eaLnBrk="1" latinLnBrk="0" hangingPunct="1">
        <a:lnSpc>
          <a:spcPct val="90000"/>
        </a:lnSpc>
        <a:spcBef>
          <a:spcPts val="525"/>
        </a:spcBef>
        <a:buFontTx/>
        <a:buBlip>
          <a:blip r:embed="rId27"/>
        </a:buBlip>
        <a:defRPr sz="1050" kern="1200">
          <a:solidFill>
            <a:srgbClr val="32283C"/>
          </a:solidFill>
          <a:latin typeface="+mn-lt"/>
          <a:ea typeface="+mn-ea"/>
          <a:cs typeface="+mn-cs"/>
        </a:defRPr>
      </a:lvl5pPr>
      <a:lvl6pPr marL="2640330" indent="-240030" algn="l" defTabSz="960120" rtl="0" eaLnBrk="1" latinLnBrk="0" hangingPunct="1">
        <a:lnSpc>
          <a:spcPct val="90000"/>
        </a:lnSpc>
        <a:spcBef>
          <a:spcPts val="525"/>
        </a:spcBef>
        <a:buFont typeface="Arial" panose="020B0604020202020204" pitchFamily="34" charset="0"/>
        <a:buChar char="•"/>
        <a:defRPr sz="1050" kern="1200">
          <a:solidFill>
            <a:srgbClr val="32283C"/>
          </a:solidFill>
          <a:latin typeface="+mn-lt"/>
          <a:ea typeface="+mn-ea"/>
          <a:cs typeface="+mn-cs"/>
        </a:defRPr>
      </a:lvl6pPr>
      <a:lvl7pPr marL="3120390" indent="-240030" algn="l" defTabSz="960120" rtl="0" eaLnBrk="1" latinLnBrk="0" hangingPunct="1">
        <a:lnSpc>
          <a:spcPct val="90000"/>
        </a:lnSpc>
        <a:spcBef>
          <a:spcPts val="525"/>
        </a:spcBef>
        <a:buFont typeface="Arial" panose="020B0604020202020204" pitchFamily="34" charset="0"/>
        <a:buChar char="•"/>
        <a:defRPr sz="1050" kern="1200">
          <a:solidFill>
            <a:srgbClr val="32283C"/>
          </a:solidFill>
          <a:latin typeface="+mn-lt"/>
          <a:ea typeface="+mn-ea"/>
          <a:cs typeface="+mn-cs"/>
        </a:defRPr>
      </a:lvl7pPr>
      <a:lvl8pPr marL="3600450" indent="-240030" algn="l" defTabSz="960120" rtl="0" eaLnBrk="1" latinLnBrk="0" hangingPunct="1">
        <a:lnSpc>
          <a:spcPct val="90000"/>
        </a:lnSpc>
        <a:spcBef>
          <a:spcPts val="525"/>
        </a:spcBef>
        <a:buFont typeface="Arial" panose="020B0604020202020204" pitchFamily="34" charset="0"/>
        <a:buChar char="•"/>
        <a:defRPr sz="1050" kern="1200">
          <a:solidFill>
            <a:srgbClr val="32283C"/>
          </a:solidFill>
          <a:latin typeface="+mn-lt"/>
          <a:ea typeface="+mn-ea"/>
          <a:cs typeface="+mn-cs"/>
        </a:defRPr>
      </a:lvl8pPr>
      <a:lvl9pPr marL="3900488" indent="0" algn="l" defTabSz="960120" rtl="0" eaLnBrk="1" latinLnBrk="0" hangingPunct="1">
        <a:lnSpc>
          <a:spcPct val="90000"/>
        </a:lnSpc>
        <a:spcBef>
          <a:spcPts val="525"/>
        </a:spcBef>
        <a:buFont typeface="Arial" panose="020B0604020202020204" pitchFamily="34" charset="0"/>
        <a:buNone/>
        <a:defRPr sz="1890" kern="1200">
          <a:solidFill>
            <a:schemeClr val="tx1"/>
          </a:solidFill>
          <a:latin typeface="+mn-lt"/>
          <a:ea typeface="+mn-ea"/>
          <a:cs typeface="+mn-cs"/>
        </a:defRPr>
      </a:lvl9pPr>
    </p:bodyStyle>
    <p:otherStyle>
      <a:defPPr>
        <a:defRPr lang="da-DK"/>
      </a:defPPr>
      <a:lvl1pPr marL="0" algn="l" defTabSz="960120" rtl="0" eaLnBrk="1" latinLnBrk="0" hangingPunct="1">
        <a:defRPr sz="1890" kern="1200">
          <a:solidFill>
            <a:schemeClr val="tx1"/>
          </a:solidFill>
          <a:latin typeface="+mn-lt"/>
          <a:ea typeface="+mn-ea"/>
          <a:cs typeface="+mn-cs"/>
        </a:defRPr>
      </a:lvl1pPr>
      <a:lvl2pPr marL="480060" algn="l" defTabSz="960120" rtl="0" eaLnBrk="1" latinLnBrk="0" hangingPunct="1">
        <a:defRPr sz="1890" kern="1200">
          <a:solidFill>
            <a:schemeClr val="tx1"/>
          </a:solidFill>
          <a:latin typeface="+mn-lt"/>
          <a:ea typeface="+mn-ea"/>
          <a:cs typeface="+mn-cs"/>
        </a:defRPr>
      </a:lvl2pPr>
      <a:lvl3pPr marL="960120" algn="l" defTabSz="960120" rtl="0" eaLnBrk="1" latinLnBrk="0" hangingPunct="1">
        <a:defRPr sz="1890" kern="1200">
          <a:solidFill>
            <a:schemeClr val="tx1"/>
          </a:solidFill>
          <a:latin typeface="+mn-lt"/>
          <a:ea typeface="+mn-ea"/>
          <a:cs typeface="+mn-cs"/>
        </a:defRPr>
      </a:lvl3pPr>
      <a:lvl4pPr marL="1440180" algn="l" defTabSz="960120" rtl="0" eaLnBrk="1" latinLnBrk="0" hangingPunct="1">
        <a:defRPr sz="1890" kern="1200">
          <a:solidFill>
            <a:schemeClr val="tx1"/>
          </a:solidFill>
          <a:latin typeface="+mn-lt"/>
          <a:ea typeface="+mn-ea"/>
          <a:cs typeface="+mn-cs"/>
        </a:defRPr>
      </a:lvl4pPr>
      <a:lvl5pPr marL="1920240" algn="l" defTabSz="960120" rtl="0" eaLnBrk="1" latinLnBrk="0" hangingPunct="1">
        <a:defRPr sz="1890" kern="1200">
          <a:solidFill>
            <a:schemeClr val="tx1"/>
          </a:solidFill>
          <a:latin typeface="+mn-lt"/>
          <a:ea typeface="+mn-ea"/>
          <a:cs typeface="+mn-cs"/>
        </a:defRPr>
      </a:lvl5pPr>
      <a:lvl6pPr marL="2400300" algn="l" defTabSz="960120" rtl="0" eaLnBrk="1" latinLnBrk="0" hangingPunct="1">
        <a:defRPr sz="1890" kern="1200">
          <a:solidFill>
            <a:schemeClr val="tx1"/>
          </a:solidFill>
          <a:latin typeface="+mn-lt"/>
          <a:ea typeface="+mn-ea"/>
          <a:cs typeface="+mn-cs"/>
        </a:defRPr>
      </a:lvl6pPr>
      <a:lvl7pPr marL="2880360" algn="l" defTabSz="960120" rtl="0" eaLnBrk="1" latinLnBrk="0" hangingPunct="1">
        <a:defRPr sz="1890" kern="1200">
          <a:solidFill>
            <a:schemeClr val="tx1"/>
          </a:solidFill>
          <a:latin typeface="+mn-lt"/>
          <a:ea typeface="+mn-ea"/>
          <a:cs typeface="+mn-cs"/>
        </a:defRPr>
      </a:lvl7pPr>
      <a:lvl8pPr marL="3360420" algn="l" defTabSz="960120" rtl="0" eaLnBrk="1" latinLnBrk="0" hangingPunct="1">
        <a:defRPr sz="1890" kern="1200">
          <a:solidFill>
            <a:schemeClr val="tx1"/>
          </a:solidFill>
          <a:latin typeface="+mn-lt"/>
          <a:ea typeface="+mn-ea"/>
          <a:cs typeface="+mn-cs"/>
        </a:defRPr>
      </a:lvl8pPr>
      <a:lvl9pPr marL="3840480" algn="l" defTabSz="960120" rtl="0" eaLnBrk="1" latinLnBrk="0" hangingPunct="1">
        <a:defRPr sz="1890" kern="1200">
          <a:solidFill>
            <a:schemeClr val="tx1"/>
          </a:solidFill>
          <a:latin typeface="+mn-lt"/>
          <a:ea typeface="+mn-ea"/>
          <a:cs typeface="+mn-cs"/>
        </a:defRPr>
      </a:lvl9pPr>
    </p:otherStyle>
  </p:txStyles>
  <p:extLst>
    <p:ext uri="{27BBF7A9-308A-43DC-89C8-2F10F3537804}">
      <p15:sldGuideLst xmlns:p15="http://schemas.microsoft.com/office/powerpoint/2012/main">
        <p15:guide id="1" orient="horz" pos="3024" userDrawn="1">
          <p15:clr>
            <a:srgbClr val="F26B43"/>
          </p15:clr>
        </p15:guide>
        <p15:guide id="2" pos="5376" userDrawn="1">
          <p15:clr>
            <a:srgbClr val="F26B43"/>
          </p15:clr>
        </p15:guide>
      </p15:sldGuideLst>
    </p:ext>
  </p:extLst>
</p:sldMaster>
</file>

<file path=ppt/slides/_rels/slide1.xml.rels><?xml version="1.0" encoding="UTF-8" standalone="yes"?>
<Relationships xmlns="http://schemas.openxmlformats.org/package/2006/relationships"><Relationship Id="rId3" Type="http://schemas.openxmlformats.org/officeDocument/2006/relationships/image" Target="../media/image31.png"/><Relationship Id="rId2" Type="http://schemas.openxmlformats.org/officeDocument/2006/relationships/slideLayout" Target="../slideLayouts/slideLayout1.xml"/><Relationship Id="rId1" Type="http://schemas.openxmlformats.org/officeDocument/2006/relationships/tags" Target="../tags/tag1.xml"/></Relationships>
</file>

<file path=ppt/slides/_rels/slide10.xml.rels><?xml version="1.0" encoding="UTF-8" standalone="yes"?>
<Relationships xmlns="http://schemas.openxmlformats.org/package/2006/relationships"><Relationship Id="rId3" Type="http://schemas.openxmlformats.org/officeDocument/2006/relationships/image" Target="../media/image50.png"/><Relationship Id="rId2" Type="http://schemas.openxmlformats.org/officeDocument/2006/relationships/image" Target="../media/image49.png"/><Relationship Id="rId1" Type="http://schemas.openxmlformats.org/officeDocument/2006/relationships/slideLayout" Target="../slideLayouts/slideLayout7.xml"/><Relationship Id="rId6" Type="http://schemas.openxmlformats.org/officeDocument/2006/relationships/image" Target="../media/image31.png"/><Relationship Id="rId5" Type="http://schemas.openxmlformats.org/officeDocument/2006/relationships/image" Target="../media/image52.png"/><Relationship Id="rId4" Type="http://schemas.openxmlformats.org/officeDocument/2006/relationships/image" Target="../media/image51.png"/></Relationships>
</file>

<file path=ppt/slides/_rels/slide11.xml.rels><?xml version="1.0" encoding="UTF-8" standalone="yes"?>
<Relationships xmlns="http://schemas.openxmlformats.org/package/2006/relationships"><Relationship Id="rId3" Type="http://schemas.openxmlformats.org/officeDocument/2006/relationships/image" Target="../media/image31.png"/><Relationship Id="rId2" Type="http://schemas.openxmlformats.org/officeDocument/2006/relationships/image" Target="../media/image37.png"/><Relationship Id="rId1" Type="http://schemas.openxmlformats.org/officeDocument/2006/relationships/slideLayout" Target="../slideLayouts/slideLayout2.xml"/></Relationships>
</file>

<file path=ppt/slides/_rels/slide12.xml.rels><?xml version="1.0" encoding="UTF-8" standalone="yes"?>
<Relationships xmlns="http://schemas.openxmlformats.org/package/2006/relationships"><Relationship Id="rId3" Type="http://schemas.openxmlformats.org/officeDocument/2006/relationships/image" Target="../media/image53.png"/><Relationship Id="rId2" Type="http://schemas.openxmlformats.org/officeDocument/2006/relationships/notesSlide" Target="../notesSlides/notesSlide3.xml"/><Relationship Id="rId1" Type="http://schemas.openxmlformats.org/officeDocument/2006/relationships/slideLayout" Target="../slideLayouts/slideLayout3.xml"/></Relationships>
</file>

<file path=ppt/slides/_rels/slide13.xml.rels><?xml version="1.0" encoding="UTF-8" standalone="yes"?>
<Relationships xmlns="http://schemas.openxmlformats.org/package/2006/relationships"><Relationship Id="rId3" Type="http://schemas.openxmlformats.org/officeDocument/2006/relationships/image" Target="../media/image31.png"/><Relationship Id="rId2" Type="http://schemas.openxmlformats.org/officeDocument/2006/relationships/image" Target="../media/image54.jpeg"/><Relationship Id="rId1" Type="http://schemas.openxmlformats.org/officeDocument/2006/relationships/slideLayout" Target="../slideLayouts/slideLayout3.xml"/></Relationships>
</file>

<file path=ppt/slides/_rels/slide14.xml.rels><?xml version="1.0" encoding="UTF-8" standalone="yes"?>
<Relationships xmlns="http://schemas.openxmlformats.org/package/2006/relationships"><Relationship Id="rId2" Type="http://schemas.openxmlformats.org/officeDocument/2006/relationships/image" Target="../media/image55.png"/><Relationship Id="rId1" Type="http://schemas.openxmlformats.org/officeDocument/2006/relationships/slideLayout" Target="../slideLayouts/slideLayout3.xml"/></Relationships>
</file>

<file path=ppt/slides/_rels/slide15.xml.rels><?xml version="1.0" encoding="UTF-8" standalone="yes"?>
<Relationships xmlns="http://schemas.openxmlformats.org/package/2006/relationships"><Relationship Id="rId2" Type="http://schemas.openxmlformats.org/officeDocument/2006/relationships/image" Target="../media/image56.png"/><Relationship Id="rId1" Type="http://schemas.openxmlformats.org/officeDocument/2006/relationships/slideLayout" Target="../slideLayouts/slideLayout7.xml"/></Relationships>
</file>

<file path=ppt/slides/_rels/slide16.xml.rels><?xml version="1.0" encoding="UTF-8" standalone="yes"?>
<Relationships xmlns="http://schemas.openxmlformats.org/package/2006/relationships"><Relationship Id="rId3" Type="http://schemas.openxmlformats.org/officeDocument/2006/relationships/image" Target="../media/image31.png"/><Relationship Id="rId2" Type="http://schemas.openxmlformats.org/officeDocument/2006/relationships/image" Target="../media/image57.png"/><Relationship Id="rId1" Type="http://schemas.openxmlformats.org/officeDocument/2006/relationships/slideLayout" Target="../slideLayouts/slideLayout7.xml"/></Relationships>
</file>

<file path=ppt/slides/_rels/slide17.xml.rels><?xml version="1.0" encoding="UTF-8" standalone="yes"?>
<Relationships xmlns="http://schemas.openxmlformats.org/package/2006/relationships"><Relationship Id="rId3" Type="http://schemas.openxmlformats.org/officeDocument/2006/relationships/image" Target="../media/image59.jpeg"/><Relationship Id="rId2" Type="http://schemas.openxmlformats.org/officeDocument/2006/relationships/image" Target="../media/image58.jpeg"/><Relationship Id="rId1" Type="http://schemas.openxmlformats.org/officeDocument/2006/relationships/slideLayout" Target="../slideLayouts/slideLayout21.xml"/><Relationship Id="rId6" Type="http://schemas.openxmlformats.org/officeDocument/2006/relationships/image" Target="../media/image62.png"/><Relationship Id="rId5" Type="http://schemas.openxmlformats.org/officeDocument/2006/relationships/image" Target="../media/image61.jpeg"/><Relationship Id="rId4" Type="http://schemas.openxmlformats.org/officeDocument/2006/relationships/image" Target="../media/image60.jpeg"/></Relationships>
</file>

<file path=ppt/slides/_rels/slide18.xml.rels><?xml version="1.0" encoding="UTF-8" standalone="yes"?>
<Relationships xmlns="http://schemas.openxmlformats.org/package/2006/relationships"><Relationship Id="rId8" Type="http://schemas.openxmlformats.org/officeDocument/2006/relationships/image" Target="../media/image69.jpeg"/><Relationship Id="rId3" Type="http://schemas.openxmlformats.org/officeDocument/2006/relationships/image" Target="../media/image64.jpeg"/><Relationship Id="rId7" Type="http://schemas.openxmlformats.org/officeDocument/2006/relationships/image" Target="../media/image68.jpeg"/><Relationship Id="rId2" Type="http://schemas.openxmlformats.org/officeDocument/2006/relationships/image" Target="../media/image63.jpeg"/><Relationship Id="rId1" Type="http://schemas.openxmlformats.org/officeDocument/2006/relationships/slideLayout" Target="../slideLayouts/slideLayout23.xml"/><Relationship Id="rId6" Type="http://schemas.openxmlformats.org/officeDocument/2006/relationships/image" Target="../media/image67.jpeg"/><Relationship Id="rId11" Type="http://schemas.openxmlformats.org/officeDocument/2006/relationships/image" Target="../media/image62.png"/><Relationship Id="rId5" Type="http://schemas.openxmlformats.org/officeDocument/2006/relationships/image" Target="../media/image66.jpeg"/><Relationship Id="rId10" Type="http://schemas.openxmlformats.org/officeDocument/2006/relationships/image" Target="../media/image71.jpeg"/><Relationship Id="rId4" Type="http://schemas.openxmlformats.org/officeDocument/2006/relationships/image" Target="../media/image65.jpeg"/><Relationship Id="rId9" Type="http://schemas.openxmlformats.org/officeDocument/2006/relationships/image" Target="../media/image70.jpeg"/></Relationships>
</file>

<file path=ppt/slides/_rels/slide19.xml.rels><?xml version="1.0" encoding="UTF-8" standalone="yes"?>
<Relationships xmlns="http://schemas.openxmlformats.org/package/2006/relationships"><Relationship Id="rId3" Type="http://schemas.openxmlformats.org/officeDocument/2006/relationships/image" Target="../media/image62.png"/><Relationship Id="rId2" Type="http://schemas.openxmlformats.org/officeDocument/2006/relationships/image" Target="../media/image72.png"/><Relationship Id="rId1" Type="http://schemas.openxmlformats.org/officeDocument/2006/relationships/slideLayout" Target="../slideLayouts/slideLayout24.xml"/></Relationships>
</file>

<file path=ppt/slides/_rels/slide2.xml.rels><?xml version="1.0" encoding="UTF-8" standalone="yes"?>
<Relationships xmlns="http://schemas.openxmlformats.org/package/2006/relationships"><Relationship Id="rId3" Type="http://schemas.openxmlformats.org/officeDocument/2006/relationships/image" Target="../media/image33.png"/><Relationship Id="rId7" Type="http://schemas.openxmlformats.org/officeDocument/2006/relationships/image" Target="../media/image36.jpeg"/><Relationship Id="rId2" Type="http://schemas.openxmlformats.org/officeDocument/2006/relationships/image" Target="../media/image32.png"/><Relationship Id="rId1" Type="http://schemas.openxmlformats.org/officeDocument/2006/relationships/slideLayout" Target="../slideLayouts/slideLayout7.xml"/><Relationship Id="rId6" Type="http://schemas.openxmlformats.org/officeDocument/2006/relationships/image" Target="../media/image35.png"/><Relationship Id="rId5" Type="http://schemas.openxmlformats.org/officeDocument/2006/relationships/image" Target="../media/image31.png"/><Relationship Id="rId4" Type="http://schemas.openxmlformats.org/officeDocument/2006/relationships/image" Target="../media/image34.png"/></Relationships>
</file>

<file path=ppt/slides/_rels/slide20.xml.rels><?xml version="1.0" encoding="UTF-8" standalone="yes"?>
<Relationships xmlns="http://schemas.openxmlformats.org/package/2006/relationships"><Relationship Id="rId3" Type="http://schemas.openxmlformats.org/officeDocument/2006/relationships/image" Target="../media/image31.png"/><Relationship Id="rId2" Type="http://schemas.openxmlformats.org/officeDocument/2006/relationships/image" Target="../media/image73.png"/><Relationship Id="rId1" Type="http://schemas.openxmlformats.org/officeDocument/2006/relationships/slideLayout" Target="../slideLayouts/slideLayout7.xml"/></Relationships>
</file>

<file path=ppt/slides/_rels/slide21.xml.rels><?xml version="1.0" encoding="UTF-8" standalone="yes"?>
<Relationships xmlns="http://schemas.openxmlformats.org/package/2006/relationships"><Relationship Id="rId3" Type="http://schemas.openxmlformats.org/officeDocument/2006/relationships/image" Target="../media/image31.png"/><Relationship Id="rId2" Type="http://schemas.openxmlformats.org/officeDocument/2006/relationships/image" Target="../media/image74.png"/><Relationship Id="rId1" Type="http://schemas.openxmlformats.org/officeDocument/2006/relationships/slideLayout" Target="../slideLayouts/slideLayout10.xml"/></Relationships>
</file>

<file path=ppt/slides/_rels/slide22.xml.rels><?xml version="1.0" encoding="UTF-8" standalone="yes"?>
<Relationships xmlns="http://schemas.openxmlformats.org/package/2006/relationships"><Relationship Id="rId3" Type="http://schemas.openxmlformats.org/officeDocument/2006/relationships/image" Target="../media/image31.png"/><Relationship Id="rId2" Type="http://schemas.openxmlformats.org/officeDocument/2006/relationships/image" Target="../media/image37.png"/><Relationship Id="rId1" Type="http://schemas.openxmlformats.org/officeDocument/2006/relationships/slideLayout" Target="../slideLayouts/slideLayout2.xml"/></Relationships>
</file>

<file path=ppt/slides/_rels/slide23.xml.rels><?xml version="1.0" encoding="UTF-8" standalone="yes"?>
<Relationships xmlns="http://schemas.openxmlformats.org/package/2006/relationships"><Relationship Id="rId2" Type="http://schemas.openxmlformats.org/officeDocument/2006/relationships/image" Target="../media/image31.png"/><Relationship Id="rId1" Type="http://schemas.openxmlformats.org/officeDocument/2006/relationships/slideLayout" Target="../slideLayouts/slideLayout7.xml"/></Relationships>
</file>

<file path=ppt/slides/_rels/slide24.xml.rels><?xml version="1.0" encoding="UTF-8" standalone="yes"?>
<Relationships xmlns="http://schemas.openxmlformats.org/package/2006/relationships"><Relationship Id="rId3" Type="http://schemas.openxmlformats.org/officeDocument/2006/relationships/image" Target="../media/image75.jpeg"/><Relationship Id="rId2" Type="http://schemas.openxmlformats.org/officeDocument/2006/relationships/notesSlide" Target="../notesSlides/notesSlide4.xml"/><Relationship Id="rId1" Type="http://schemas.openxmlformats.org/officeDocument/2006/relationships/slideLayout" Target="../slideLayouts/slideLayout7.xml"/><Relationship Id="rId6" Type="http://schemas.openxmlformats.org/officeDocument/2006/relationships/image" Target="../media/image31.png"/><Relationship Id="rId5" Type="http://schemas.openxmlformats.org/officeDocument/2006/relationships/image" Target="../media/image77.jpeg"/><Relationship Id="rId4" Type="http://schemas.openxmlformats.org/officeDocument/2006/relationships/image" Target="../media/image76.jpeg"/></Relationships>
</file>

<file path=ppt/slides/_rels/slide25.xml.rels><?xml version="1.0" encoding="UTF-8" standalone="yes"?>
<Relationships xmlns="http://schemas.openxmlformats.org/package/2006/relationships"><Relationship Id="rId3" Type="http://schemas.openxmlformats.org/officeDocument/2006/relationships/image" Target="../media/image78.jpeg"/><Relationship Id="rId2" Type="http://schemas.openxmlformats.org/officeDocument/2006/relationships/notesSlide" Target="../notesSlides/notesSlide5.xml"/><Relationship Id="rId1" Type="http://schemas.openxmlformats.org/officeDocument/2006/relationships/slideLayout" Target="../slideLayouts/slideLayout7.xml"/><Relationship Id="rId4" Type="http://schemas.openxmlformats.org/officeDocument/2006/relationships/image" Target="../media/image31.png"/></Relationships>
</file>

<file path=ppt/slides/_rels/slide26.xml.rels><?xml version="1.0" encoding="UTF-8" standalone="yes"?>
<Relationships xmlns="http://schemas.openxmlformats.org/package/2006/relationships"><Relationship Id="rId3" Type="http://schemas.openxmlformats.org/officeDocument/2006/relationships/image" Target="../media/image80.emf"/><Relationship Id="rId2" Type="http://schemas.openxmlformats.org/officeDocument/2006/relationships/image" Target="../media/image79.png"/><Relationship Id="rId1" Type="http://schemas.openxmlformats.org/officeDocument/2006/relationships/slideLayout" Target="../slideLayouts/slideLayout7.xml"/><Relationship Id="rId4" Type="http://schemas.openxmlformats.org/officeDocument/2006/relationships/image" Target="../media/image31.png"/></Relationships>
</file>

<file path=ppt/slides/_rels/slide27.xml.rels><?xml version="1.0" encoding="UTF-8" standalone="yes"?>
<Relationships xmlns="http://schemas.openxmlformats.org/package/2006/relationships"><Relationship Id="rId3" Type="http://schemas.openxmlformats.org/officeDocument/2006/relationships/image" Target="../media/image31.png"/><Relationship Id="rId2" Type="http://schemas.openxmlformats.org/officeDocument/2006/relationships/hyperlink" Target="mailto:marija.stamenkovic@regionh.dk" TargetMode="External"/><Relationship Id="rId1" Type="http://schemas.openxmlformats.org/officeDocument/2006/relationships/slideLayout" Target="../slideLayouts/slideLayout19.xml"/></Relationships>
</file>

<file path=ppt/slides/_rels/slide28.xml.rels><?xml version="1.0" encoding="UTF-8" standalone="yes"?>
<Relationships xmlns="http://schemas.openxmlformats.org/package/2006/relationships"><Relationship Id="rId3" Type="http://schemas.openxmlformats.org/officeDocument/2006/relationships/image" Target="../media/image31.png"/><Relationship Id="rId2" Type="http://schemas.openxmlformats.org/officeDocument/2006/relationships/image" Target="../media/image81.png"/><Relationship Id="rId1" Type="http://schemas.openxmlformats.org/officeDocument/2006/relationships/slideLayout" Target="../slideLayouts/slideLayout7.xml"/></Relationships>
</file>

<file path=ppt/slides/_rels/slide3.xml.rels><?xml version="1.0" encoding="UTF-8" standalone="yes"?>
<Relationships xmlns="http://schemas.openxmlformats.org/package/2006/relationships"><Relationship Id="rId3" Type="http://schemas.openxmlformats.org/officeDocument/2006/relationships/image" Target="../media/image31.png"/><Relationship Id="rId2" Type="http://schemas.openxmlformats.org/officeDocument/2006/relationships/image" Target="../media/image37.png"/><Relationship Id="rId1" Type="http://schemas.openxmlformats.org/officeDocument/2006/relationships/slideLayout" Target="../slideLayouts/slideLayout2.xml"/></Relationships>
</file>

<file path=ppt/slides/_rels/slide4.xml.rels><?xml version="1.0" encoding="UTF-8" standalone="yes"?>
<Relationships xmlns="http://schemas.openxmlformats.org/package/2006/relationships"><Relationship Id="rId3" Type="http://schemas.openxmlformats.org/officeDocument/2006/relationships/image" Target="../media/image38.gif"/><Relationship Id="rId2" Type="http://schemas.openxmlformats.org/officeDocument/2006/relationships/notesSlide" Target="../notesSlides/notesSlide1.xml"/><Relationship Id="rId1" Type="http://schemas.openxmlformats.org/officeDocument/2006/relationships/slideLayout" Target="../slideLayouts/slideLayout3.xml"/><Relationship Id="rId6" Type="http://schemas.openxmlformats.org/officeDocument/2006/relationships/image" Target="../media/image31.png"/><Relationship Id="rId5" Type="http://schemas.openxmlformats.org/officeDocument/2006/relationships/image" Target="../media/image40.gif"/><Relationship Id="rId4" Type="http://schemas.openxmlformats.org/officeDocument/2006/relationships/image" Target="../media/image39.gif"/></Relationships>
</file>

<file path=ppt/slides/_rels/slide5.xml.rels><?xml version="1.0" encoding="UTF-8" standalone="yes"?>
<Relationships xmlns="http://schemas.openxmlformats.org/package/2006/relationships"><Relationship Id="rId3" Type="http://schemas.openxmlformats.org/officeDocument/2006/relationships/image" Target="../media/image31.png"/><Relationship Id="rId2" Type="http://schemas.openxmlformats.org/officeDocument/2006/relationships/image" Target="../media/image37.png"/><Relationship Id="rId1" Type="http://schemas.openxmlformats.org/officeDocument/2006/relationships/slideLayout" Target="../slideLayouts/slideLayout2.xml"/></Relationships>
</file>

<file path=ppt/slides/_rels/slide6.xml.rels><?xml version="1.0" encoding="UTF-8" standalone="yes"?>
<Relationships xmlns="http://schemas.openxmlformats.org/package/2006/relationships"><Relationship Id="rId2" Type="http://schemas.openxmlformats.org/officeDocument/2006/relationships/image" Target="../media/image41.png"/><Relationship Id="rId1" Type="http://schemas.openxmlformats.org/officeDocument/2006/relationships/slideLayout" Target="../slideLayouts/slideLayout7.xml"/></Relationships>
</file>

<file path=ppt/slides/_rels/slide7.xml.rels><?xml version="1.0" encoding="UTF-8" standalone="yes"?>
<Relationships xmlns="http://schemas.openxmlformats.org/package/2006/relationships"><Relationship Id="rId3" Type="http://schemas.openxmlformats.org/officeDocument/2006/relationships/image" Target="../media/image31.png"/><Relationship Id="rId2" Type="http://schemas.openxmlformats.org/officeDocument/2006/relationships/image" Target="../media/image37.png"/><Relationship Id="rId1" Type="http://schemas.openxmlformats.org/officeDocument/2006/relationships/slideLayout" Target="../slideLayouts/slideLayout2.xml"/></Relationships>
</file>

<file path=ppt/slides/_rels/slide8.xml.rels><?xml version="1.0" encoding="UTF-8" standalone="yes"?>
<Relationships xmlns="http://schemas.openxmlformats.org/package/2006/relationships"><Relationship Id="rId2" Type="http://schemas.openxmlformats.org/officeDocument/2006/relationships/image" Target="../media/image42.jpeg"/><Relationship Id="rId1" Type="http://schemas.openxmlformats.org/officeDocument/2006/relationships/slideLayout" Target="../slideLayouts/slideLayout22.xml"/></Relationships>
</file>

<file path=ppt/slides/_rels/slide9.xml.rels><?xml version="1.0" encoding="UTF-8" standalone="yes"?>
<Relationships xmlns="http://schemas.openxmlformats.org/package/2006/relationships"><Relationship Id="rId8" Type="http://schemas.openxmlformats.org/officeDocument/2006/relationships/image" Target="../media/image48.emf"/><Relationship Id="rId3" Type="http://schemas.openxmlformats.org/officeDocument/2006/relationships/image" Target="../media/image43.emf"/><Relationship Id="rId7" Type="http://schemas.openxmlformats.org/officeDocument/2006/relationships/image" Target="../media/image47.emf"/><Relationship Id="rId2" Type="http://schemas.openxmlformats.org/officeDocument/2006/relationships/notesSlide" Target="../notesSlides/notesSlide2.xml"/><Relationship Id="rId1" Type="http://schemas.openxmlformats.org/officeDocument/2006/relationships/slideLayout" Target="../slideLayouts/slideLayout7.xml"/><Relationship Id="rId6" Type="http://schemas.openxmlformats.org/officeDocument/2006/relationships/image" Target="../media/image46.emf"/><Relationship Id="rId5" Type="http://schemas.openxmlformats.org/officeDocument/2006/relationships/image" Target="../media/image45.emf"/><Relationship Id="rId4" Type="http://schemas.openxmlformats.org/officeDocument/2006/relationships/image" Target="../media/image44.emf"/><Relationship Id="rId9" Type="http://schemas.openxmlformats.org/officeDocument/2006/relationships/image" Target="../media/image31.png"/></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tekst 1">
            <a:extLst>
              <a:ext uri="{FF2B5EF4-FFF2-40B4-BE49-F238E27FC236}">
                <a16:creationId xmlns:a16="http://schemas.microsoft.com/office/drawing/2014/main" id="{31C0E574-D587-4780-A090-512D614F3CB7}"/>
              </a:ext>
            </a:extLst>
          </p:cNvPr>
          <p:cNvSpPr>
            <a:spLocks noGrp="1"/>
          </p:cNvSpPr>
          <p:nvPr>
            <p:ph type="body" sz="quarter" idx="13"/>
          </p:nvPr>
        </p:nvSpPr>
        <p:spPr>
          <a:xfrm>
            <a:off x="3078634" y="4800601"/>
            <a:ext cx="4909338" cy="767951"/>
          </a:xfrm>
        </p:spPr>
        <p:txBody>
          <a:bodyPr/>
          <a:lstStyle/>
          <a:p>
            <a:r>
              <a:rPr lang="da-DK" dirty="0"/>
              <a:t>Marija Stamenkovic</a:t>
            </a:r>
          </a:p>
          <a:p>
            <a:r>
              <a:rPr lang="da-DK" dirty="0"/>
              <a:t>Seniorkonsulent og Programleder Bæredygtigt Byggeri</a:t>
            </a:r>
          </a:p>
        </p:txBody>
      </p:sp>
      <p:sp>
        <p:nvSpPr>
          <p:cNvPr id="3" name="Pladsholder til tekst 2">
            <a:extLst>
              <a:ext uri="{FF2B5EF4-FFF2-40B4-BE49-F238E27FC236}">
                <a16:creationId xmlns:a16="http://schemas.microsoft.com/office/drawing/2014/main" id="{51D5757F-3D08-4BEF-9DBD-7E4D975AA895}"/>
              </a:ext>
            </a:extLst>
          </p:cNvPr>
          <p:cNvSpPr>
            <a:spLocks noGrp="1"/>
          </p:cNvSpPr>
          <p:nvPr>
            <p:ph type="body" sz="quarter" idx="14"/>
          </p:nvPr>
        </p:nvSpPr>
        <p:spPr>
          <a:xfrm>
            <a:off x="3078634" y="1826148"/>
            <a:ext cx="7152044" cy="2282026"/>
          </a:xfrm>
        </p:spPr>
        <p:txBody>
          <a:bodyPr>
            <a:normAutofit/>
          </a:bodyPr>
          <a:lstStyle/>
          <a:p>
            <a:r>
              <a:rPr lang="da-DK" dirty="0"/>
              <a:t>Kan en bygning være legende, logisk og bæredygtigt på én og samme tid?</a:t>
            </a:r>
          </a:p>
        </p:txBody>
      </p:sp>
      <p:pic>
        <p:nvPicPr>
          <p:cNvPr id="5" name="Billede 4">
            <a:extLst>
              <a:ext uri="{FF2B5EF4-FFF2-40B4-BE49-F238E27FC236}">
                <a16:creationId xmlns:a16="http://schemas.microsoft.com/office/drawing/2014/main" id="{AB065A1D-F2B6-F88A-127A-19E3A79449B4}"/>
              </a:ext>
            </a:extLst>
          </p:cNvPr>
          <p:cNvPicPr>
            <a:picLocks noChangeAspect="1"/>
          </p:cNvPicPr>
          <p:nvPr/>
        </p:nvPicPr>
        <p:blipFill>
          <a:blip r:embed="rId3">
            <a:clrChange>
              <a:clrFrom>
                <a:srgbClr val="FFFFFF"/>
              </a:clrFrom>
              <a:clrTo>
                <a:srgbClr val="FFFFFF">
                  <a:alpha val="0"/>
                </a:srgbClr>
              </a:clrTo>
            </a:clrChange>
          </a:blip>
          <a:stretch>
            <a:fillRect/>
          </a:stretch>
        </p:blipFill>
        <p:spPr>
          <a:xfrm>
            <a:off x="619594" y="239843"/>
            <a:ext cx="750778" cy="674557"/>
          </a:xfrm>
          <a:prstGeom prst="rect">
            <a:avLst/>
          </a:prstGeom>
        </p:spPr>
      </p:pic>
    </p:spTree>
    <p:custDataLst>
      <p:tags r:id="rId1"/>
    </p:custDataLst>
    <p:extLst>
      <p:ext uri="{BB962C8B-B14F-4D97-AF65-F5344CB8AC3E}">
        <p14:creationId xmlns:p14="http://schemas.microsoft.com/office/powerpoint/2010/main" val="561995248"/>
      </p:ext>
    </p:extLst>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Pladsholder til slidenummer 5">
            <a:extLst>
              <a:ext uri="{FF2B5EF4-FFF2-40B4-BE49-F238E27FC236}">
                <a16:creationId xmlns:a16="http://schemas.microsoft.com/office/drawing/2014/main" id="{6AD3AB4E-F8D3-08AF-E2BB-4C1EE87C9A43}"/>
              </a:ext>
            </a:extLst>
          </p:cNvPr>
          <p:cNvSpPr>
            <a:spLocks noGrp="1"/>
          </p:cNvSpPr>
          <p:nvPr>
            <p:ph type="sldNum" sz="quarter" idx="12"/>
          </p:nvPr>
        </p:nvSpPr>
        <p:spPr/>
        <p:txBody>
          <a:bodyPr/>
          <a:lstStyle/>
          <a:p>
            <a:fld id="{667EC89C-17A0-4E64-A6D2-B825673CEEDF}" type="slidenum">
              <a:rPr lang="da-DK" smtClean="0"/>
              <a:pPr/>
              <a:t>10</a:t>
            </a:fld>
            <a:endParaRPr lang="da-DK" dirty="0"/>
          </a:p>
        </p:txBody>
      </p:sp>
      <p:pic>
        <p:nvPicPr>
          <p:cNvPr id="7" name="Billede 6">
            <a:extLst>
              <a:ext uri="{FF2B5EF4-FFF2-40B4-BE49-F238E27FC236}">
                <a16:creationId xmlns:a16="http://schemas.microsoft.com/office/drawing/2014/main" id="{C2A38B62-0747-1B47-606B-34790AC2F416}"/>
              </a:ext>
            </a:extLst>
          </p:cNvPr>
          <p:cNvPicPr>
            <a:picLocks noChangeAspect="1"/>
          </p:cNvPicPr>
          <p:nvPr/>
        </p:nvPicPr>
        <p:blipFill>
          <a:blip r:embed="rId2"/>
          <a:stretch>
            <a:fillRect/>
          </a:stretch>
        </p:blipFill>
        <p:spPr>
          <a:xfrm>
            <a:off x="1925567" y="834343"/>
            <a:ext cx="5391022" cy="4319518"/>
          </a:xfrm>
          <a:prstGeom prst="rect">
            <a:avLst/>
          </a:prstGeom>
        </p:spPr>
      </p:pic>
      <p:pic>
        <p:nvPicPr>
          <p:cNvPr id="8" name="Billede 7">
            <a:extLst>
              <a:ext uri="{FF2B5EF4-FFF2-40B4-BE49-F238E27FC236}">
                <a16:creationId xmlns:a16="http://schemas.microsoft.com/office/drawing/2014/main" id="{39862702-0AB4-FE05-3B2D-7A39C6BCDE5D}"/>
              </a:ext>
            </a:extLst>
          </p:cNvPr>
          <p:cNvPicPr>
            <a:picLocks noChangeAspect="1"/>
          </p:cNvPicPr>
          <p:nvPr/>
        </p:nvPicPr>
        <p:blipFill>
          <a:blip r:embed="rId3"/>
          <a:stretch>
            <a:fillRect/>
          </a:stretch>
        </p:blipFill>
        <p:spPr>
          <a:xfrm>
            <a:off x="7585962" y="5153861"/>
            <a:ext cx="5054999" cy="4174312"/>
          </a:xfrm>
          <a:prstGeom prst="rect">
            <a:avLst/>
          </a:prstGeom>
        </p:spPr>
      </p:pic>
      <p:pic>
        <p:nvPicPr>
          <p:cNvPr id="9" name="Billede 8">
            <a:extLst>
              <a:ext uri="{FF2B5EF4-FFF2-40B4-BE49-F238E27FC236}">
                <a16:creationId xmlns:a16="http://schemas.microsoft.com/office/drawing/2014/main" id="{28A7F7DD-37EB-2805-42FD-83169F6F30A2}"/>
              </a:ext>
            </a:extLst>
          </p:cNvPr>
          <p:cNvPicPr>
            <a:picLocks noChangeAspect="1"/>
          </p:cNvPicPr>
          <p:nvPr/>
        </p:nvPicPr>
        <p:blipFill>
          <a:blip r:embed="rId4"/>
          <a:stretch>
            <a:fillRect/>
          </a:stretch>
        </p:blipFill>
        <p:spPr>
          <a:xfrm>
            <a:off x="7585962" y="834343"/>
            <a:ext cx="5054999" cy="4319518"/>
          </a:xfrm>
          <a:prstGeom prst="rect">
            <a:avLst/>
          </a:prstGeom>
        </p:spPr>
      </p:pic>
      <p:pic>
        <p:nvPicPr>
          <p:cNvPr id="10" name="Billede 9">
            <a:extLst>
              <a:ext uri="{FF2B5EF4-FFF2-40B4-BE49-F238E27FC236}">
                <a16:creationId xmlns:a16="http://schemas.microsoft.com/office/drawing/2014/main" id="{0B929A35-CC4C-7D8A-91C4-15859115DB05}"/>
              </a:ext>
            </a:extLst>
          </p:cNvPr>
          <p:cNvPicPr>
            <a:picLocks noChangeAspect="1"/>
          </p:cNvPicPr>
          <p:nvPr/>
        </p:nvPicPr>
        <p:blipFill>
          <a:blip r:embed="rId5"/>
          <a:stretch>
            <a:fillRect/>
          </a:stretch>
        </p:blipFill>
        <p:spPr>
          <a:xfrm>
            <a:off x="1925567" y="5153861"/>
            <a:ext cx="5391022" cy="4237398"/>
          </a:xfrm>
          <a:prstGeom prst="rect">
            <a:avLst/>
          </a:prstGeom>
        </p:spPr>
      </p:pic>
      <p:pic>
        <p:nvPicPr>
          <p:cNvPr id="15" name="Billede 14">
            <a:extLst>
              <a:ext uri="{FF2B5EF4-FFF2-40B4-BE49-F238E27FC236}">
                <a16:creationId xmlns:a16="http://schemas.microsoft.com/office/drawing/2014/main" id="{1528DA12-EBE5-4CD7-CB22-C175931F73BD}"/>
              </a:ext>
            </a:extLst>
          </p:cNvPr>
          <p:cNvPicPr>
            <a:picLocks noChangeAspect="1"/>
          </p:cNvPicPr>
          <p:nvPr/>
        </p:nvPicPr>
        <p:blipFill>
          <a:blip r:embed="rId6">
            <a:clrChange>
              <a:clrFrom>
                <a:srgbClr val="FFFFFF"/>
              </a:clrFrom>
              <a:clrTo>
                <a:srgbClr val="FFFFFF">
                  <a:alpha val="0"/>
                </a:srgbClr>
              </a:clrTo>
            </a:clrChange>
          </a:blip>
          <a:stretch>
            <a:fillRect/>
          </a:stretch>
        </p:blipFill>
        <p:spPr>
          <a:xfrm>
            <a:off x="619594" y="239843"/>
            <a:ext cx="750778" cy="674557"/>
          </a:xfrm>
          <a:prstGeom prst="rect">
            <a:avLst/>
          </a:prstGeom>
        </p:spPr>
      </p:pic>
    </p:spTree>
    <p:extLst>
      <p:ext uri="{BB962C8B-B14F-4D97-AF65-F5344CB8AC3E}">
        <p14:creationId xmlns:p14="http://schemas.microsoft.com/office/powerpoint/2010/main" val="42736650"/>
      </p:ext>
    </p:extLst>
  </p:cSld>
  <p:clrMapOvr>
    <a:masterClrMapping/>
  </p:clrMapOvr>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5" name="Pladsholder til billede 8" descr="Et billede, der indeholder plante, Hylder/reoler, hylde, design&#10;&#10;Automatisk genereret beskrivelse">
            <a:extLst>
              <a:ext uri="{FF2B5EF4-FFF2-40B4-BE49-F238E27FC236}">
                <a16:creationId xmlns:a16="http://schemas.microsoft.com/office/drawing/2014/main" id="{5AA00DC3-3651-E2D0-8B91-311EECE40509}"/>
              </a:ext>
            </a:extLst>
          </p:cNvPr>
          <p:cNvPicPr>
            <a:picLocks noChangeAspect="1"/>
          </p:cNvPicPr>
          <p:nvPr/>
        </p:nvPicPr>
        <p:blipFill rotWithShape="1">
          <a:blip r:embed="rId2"/>
          <a:srcRect t="24553" r="1" b="5737"/>
          <a:stretch/>
        </p:blipFill>
        <p:spPr>
          <a:xfrm>
            <a:off x="11077508" y="0"/>
            <a:ext cx="5991292" cy="9601190"/>
          </a:xfrm>
          <a:prstGeom prst="rect">
            <a:avLst/>
          </a:prstGeom>
          <a:noFill/>
        </p:spPr>
      </p:pic>
      <p:sp>
        <p:nvSpPr>
          <p:cNvPr id="14" name="Text Placeholder 2">
            <a:extLst>
              <a:ext uri="{FF2B5EF4-FFF2-40B4-BE49-F238E27FC236}">
                <a16:creationId xmlns:a16="http://schemas.microsoft.com/office/drawing/2014/main" id="{B853BE9C-2C00-EF89-7E7A-C89A64549986}"/>
              </a:ext>
            </a:extLst>
          </p:cNvPr>
          <p:cNvSpPr>
            <a:spLocks noGrp="1"/>
          </p:cNvSpPr>
          <p:nvPr>
            <p:ph type="body" sz="quarter" idx="15"/>
          </p:nvPr>
        </p:nvSpPr>
        <p:spPr>
          <a:xfrm>
            <a:off x="1432116" y="3981088"/>
            <a:ext cx="5490732" cy="819507"/>
          </a:xfrm>
        </p:spPr>
        <p:txBody>
          <a:bodyPr>
            <a:normAutofit/>
          </a:bodyPr>
          <a:lstStyle/>
          <a:p>
            <a:r>
              <a:rPr lang="da-DK" dirty="0"/>
              <a:t>Hvordan det bliver?</a:t>
            </a:r>
          </a:p>
        </p:txBody>
      </p:sp>
      <p:sp>
        <p:nvSpPr>
          <p:cNvPr id="4" name="Pladsholder til slidenummer 3" hidden="1">
            <a:extLst>
              <a:ext uri="{FF2B5EF4-FFF2-40B4-BE49-F238E27FC236}">
                <a16:creationId xmlns:a16="http://schemas.microsoft.com/office/drawing/2014/main" id="{BD22EFB6-78E1-8612-21BC-EE2933CAC8B8}"/>
              </a:ext>
            </a:extLst>
          </p:cNvPr>
          <p:cNvSpPr>
            <a:spLocks noGrp="1"/>
          </p:cNvSpPr>
          <p:nvPr>
            <p:ph type="sldNum" sz="quarter" idx="4294967295"/>
          </p:nvPr>
        </p:nvSpPr>
        <p:spPr>
          <a:xfrm>
            <a:off x="13462611" y="8980814"/>
            <a:ext cx="721755" cy="499617"/>
          </a:xfrm>
          <a:prstGeom prst="rect">
            <a:avLst/>
          </a:prstGeom>
        </p:spPr>
        <p:txBody>
          <a:bodyPr/>
          <a:lstStyle/>
          <a:p>
            <a:pPr>
              <a:spcAft>
                <a:spcPts val="600"/>
              </a:spcAft>
            </a:pPr>
            <a:fld id="{667EC89C-17A0-4E64-A6D2-B825673CEEDF}" type="slidenum">
              <a:rPr lang="da-DK" smtClean="0"/>
              <a:pPr>
                <a:spcAft>
                  <a:spcPts val="600"/>
                </a:spcAft>
              </a:pPr>
              <a:t>11</a:t>
            </a:fld>
            <a:endParaRPr lang="da-DK"/>
          </a:p>
        </p:txBody>
      </p:sp>
      <p:pic>
        <p:nvPicPr>
          <p:cNvPr id="2" name="Billede 1">
            <a:extLst>
              <a:ext uri="{FF2B5EF4-FFF2-40B4-BE49-F238E27FC236}">
                <a16:creationId xmlns:a16="http://schemas.microsoft.com/office/drawing/2014/main" id="{82A59495-8F90-479B-92B4-428E7606D7A6}"/>
              </a:ext>
            </a:extLst>
          </p:cNvPr>
          <p:cNvPicPr>
            <a:picLocks noChangeAspect="1"/>
          </p:cNvPicPr>
          <p:nvPr/>
        </p:nvPicPr>
        <p:blipFill>
          <a:blip r:embed="rId3">
            <a:clrChange>
              <a:clrFrom>
                <a:srgbClr val="FFFFFF"/>
              </a:clrFrom>
              <a:clrTo>
                <a:srgbClr val="FFFFFF">
                  <a:alpha val="0"/>
                </a:srgbClr>
              </a:clrTo>
            </a:clrChange>
          </a:blip>
          <a:stretch>
            <a:fillRect/>
          </a:stretch>
        </p:blipFill>
        <p:spPr>
          <a:xfrm>
            <a:off x="619594" y="239843"/>
            <a:ext cx="750778" cy="674557"/>
          </a:xfrm>
          <a:prstGeom prst="rect">
            <a:avLst/>
          </a:prstGeom>
        </p:spPr>
      </p:pic>
    </p:spTree>
    <p:extLst>
      <p:ext uri="{BB962C8B-B14F-4D97-AF65-F5344CB8AC3E}">
        <p14:creationId xmlns:p14="http://schemas.microsoft.com/office/powerpoint/2010/main" val="123278650"/>
      </p:ext>
    </p:extLst>
  </p:cSld>
  <p:clrMapOvr>
    <a:masterClrMapping/>
  </p:clrMapOvr>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5" name="Billede 4" descr="Et billede, der indeholder Byplanlægning, Luftfotografering, knudepunkt, kryds&#10;&#10;Automatisk genereret beskrivelse">
            <a:extLst>
              <a:ext uri="{FF2B5EF4-FFF2-40B4-BE49-F238E27FC236}">
                <a16:creationId xmlns:a16="http://schemas.microsoft.com/office/drawing/2014/main" id="{1818E640-6A91-B613-3AA6-89056AF00B3A}"/>
              </a:ext>
            </a:extLst>
          </p:cNvPr>
          <p:cNvPicPr>
            <a:picLocks noChangeAspect="1"/>
          </p:cNvPicPr>
          <p:nvPr/>
        </p:nvPicPr>
        <p:blipFill rotWithShape="1">
          <a:blip r:embed="rId3"/>
          <a:srcRect r="4668" b="1"/>
          <a:stretch/>
        </p:blipFill>
        <p:spPr>
          <a:xfrm>
            <a:off x="0" y="10"/>
            <a:ext cx="17068800" cy="9601190"/>
          </a:xfrm>
          <a:prstGeom prst="rect">
            <a:avLst/>
          </a:prstGeom>
          <a:noFill/>
        </p:spPr>
      </p:pic>
      <p:sp>
        <p:nvSpPr>
          <p:cNvPr id="4" name="Pladsholder til slidenummer 3" hidden="1">
            <a:extLst>
              <a:ext uri="{FF2B5EF4-FFF2-40B4-BE49-F238E27FC236}">
                <a16:creationId xmlns:a16="http://schemas.microsoft.com/office/drawing/2014/main" id="{9466BFF9-DB1D-6E5E-61EB-A783F70D1DFE}"/>
              </a:ext>
            </a:extLst>
          </p:cNvPr>
          <p:cNvSpPr>
            <a:spLocks noGrp="1"/>
          </p:cNvSpPr>
          <p:nvPr>
            <p:ph type="sldNum" sz="quarter" idx="12"/>
          </p:nvPr>
        </p:nvSpPr>
        <p:spPr/>
        <p:txBody>
          <a:bodyPr/>
          <a:lstStyle/>
          <a:p>
            <a:pPr>
              <a:spcAft>
                <a:spcPts val="600"/>
              </a:spcAft>
            </a:pPr>
            <a:fld id="{667EC89C-17A0-4E64-A6D2-B825673CEEDF}" type="slidenum">
              <a:rPr lang="da-DK" smtClean="0"/>
              <a:pPr>
                <a:spcAft>
                  <a:spcPts val="600"/>
                </a:spcAft>
              </a:pPr>
              <a:t>12</a:t>
            </a:fld>
            <a:endParaRPr lang="da-DK"/>
          </a:p>
        </p:txBody>
      </p:sp>
    </p:spTree>
    <p:extLst>
      <p:ext uri="{BB962C8B-B14F-4D97-AF65-F5344CB8AC3E}">
        <p14:creationId xmlns:p14="http://schemas.microsoft.com/office/powerpoint/2010/main" val="1227877548"/>
      </p:ext>
    </p:extLst>
  </p:cSld>
  <p:clrMapOvr>
    <a:masterClrMapping/>
  </p:clrMapOvr>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5" name="Pladsholder til indhold 7" descr="Et billede, der indeholder himmel, udendørs, bygning, gade&#10;&#10;Automatisk genereret beskrivelse">
            <a:extLst>
              <a:ext uri="{FF2B5EF4-FFF2-40B4-BE49-F238E27FC236}">
                <a16:creationId xmlns:a16="http://schemas.microsoft.com/office/drawing/2014/main" id="{78E0DA29-70DF-ABBF-4E39-B2FF89E674FD}"/>
              </a:ext>
            </a:extLst>
          </p:cNvPr>
          <p:cNvPicPr>
            <a:picLocks noChangeAspect="1"/>
          </p:cNvPicPr>
          <p:nvPr/>
        </p:nvPicPr>
        <p:blipFill rotWithShape="1">
          <a:blip r:embed="rId2" cstate="print">
            <a:extLst>
              <a:ext uri="{28A0092B-C50C-407E-A947-70E740481C1C}">
                <a14:useLocalDpi xmlns:a14="http://schemas.microsoft.com/office/drawing/2010/main" val="0"/>
              </a:ext>
            </a:extLst>
          </a:blip>
          <a:srcRect l="9838" r="2873"/>
          <a:stretch/>
        </p:blipFill>
        <p:spPr>
          <a:xfrm>
            <a:off x="0" y="793767"/>
            <a:ext cx="12813171" cy="8807433"/>
          </a:xfrm>
          <a:prstGeom prst="rect">
            <a:avLst/>
          </a:prstGeom>
          <a:noFill/>
        </p:spPr>
      </p:pic>
      <p:sp>
        <p:nvSpPr>
          <p:cNvPr id="4" name="Pladsholder til slidenummer 3" hidden="1">
            <a:extLst>
              <a:ext uri="{FF2B5EF4-FFF2-40B4-BE49-F238E27FC236}">
                <a16:creationId xmlns:a16="http://schemas.microsoft.com/office/drawing/2014/main" id="{ACF04187-8876-E2CA-85E9-EA15D4D55F37}"/>
              </a:ext>
            </a:extLst>
          </p:cNvPr>
          <p:cNvSpPr>
            <a:spLocks noGrp="1"/>
          </p:cNvSpPr>
          <p:nvPr>
            <p:ph type="sldNum" sz="quarter" idx="12"/>
          </p:nvPr>
        </p:nvSpPr>
        <p:spPr/>
        <p:txBody>
          <a:bodyPr/>
          <a:lstStyle/>
          <a:p>
            <a:pPr>
              <a:spcAft>
                <a:spcPts val="600"/>
              </a:spcAft>
            </a:pPr>
            <a:fld id="{667EC89C-17A0-4E64-A6D2-B825673CEEDF}" type="slidenum">
              <a:rPr lang="da-DK" smtClean="0"/>
              <a:pPr>
                <a:spcAft>
                  <a:spcPts val="600"/>
                </a:spcAft>
              </a:pPr>
              <a:t>13</a:t>
            </a:fld>
            <a:endParaRPr lang="da-DK"/>
          </a:p>
        </p:txBody>
      </p:sp>
      <p:pic>
        <p:nvPicPr>
          <p:cNvPr id="2" name="Billede 1">
            <a:extLst>
              <a:ext uri="{FF2B5EF4-FFF2-40B4-BE49-F238E27FC236}">
                <a16:creationId xmlns:a16="http://schemas.microsoft.com/office/drawing/2014/main" id="{871AF30F-8199-ACD7-3032-42A74E17AD89}"/>
              </a:ext>
            </a:extLst>
          </p:cNvPr>
          <p:cNvPicPr>
            <a:picLocks noChangeAspect="1"/>
          </p:cNvPicPr>
          <p:nvPr/>
        </p:nvPicPr>
        <p:blipFill>
          <a:blip r:embed="rId3">
            <a:clrChange>
              <a:clrFrom>
                <a:srgbClr val="FFFFFF"/>
              </a:clrFrom>
              <a:clrTo>
                <a:srgbClr val="FFFFFF">
                  <a:alpha val="0"/>
                </a:srgbClr>
              </a:clrTo>
            </a:clrChange>
          </a:blip>
          <a:stretch>
            <a:fillRect/>
          </a:stretch>
        </p:blipFill>
        <p:spPr>
          <a:xfrm>
            <a:off x="619594" y="239843"/>
            <a:ext cx="750778" cy="674557"/>
          </a:xfrm>
          <a:prstGeom prst="rect">
            <a:avLst/>
          </a:prstGeom>
        </p:spPr>
      </p:pic>
    </p:spTree>
    <p:extLst>
      <p:ext uri="{BB962C8B-B14F-4D97-AF65-F5344CB8AC3E}">
        <p14:creationId xmlns:p14="http://schemas.microsoft.com/office/powerpoint/2010/main" val="2700313867"/>
      </p:ext>
    </p:extLst>
  </p:cSld>
  <p:clrMapOvr>
    <a:masterClrMapping/>
  </p:clrMapOvr>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5" name="Billede 4">
            <a:extLst>
              <a:ext uri="{FF2B5EF4-FFF2-40B4-BE49-F238E27FC236}">
                <a16:creationId xmlns:a16="http://schemas.microsoft.com/office/drawing/2014/main" id="{BA17B43A-26BE-30EB-99C8-3096751B5243}"/>
              </a:ext>
            </a:extLst>
          </p:cNvPr>
          <p:cNvPicPr>
            <a:picLocks noChangeAspect="1"/>
          </p:cNvPicPr>
          <p:nvPr/>
        </p:nvPicPr>
        <p:blipFill rotWithShape="1">
          <a:blip r:embed="rId2"/>
          <a:srcRect l="1543" r="9458" b="1"/>
          <a:stretch/>
        </p:blipFill>
        <p:spPr>
          <a:xfrm>
            <a:off x="-1" y="1"/>
            <a:ext cx="17068801" cy="9668660"/>
          </a:xfrm>
          <a:prstGeom prst="rect">
            <a:avLst/>
          </a:prstGeom>
          <a:noFill/>
        </p:spPr>
      </p:pic>
      <p:sp>
        <p:nvSpPr>
          <p:cNvPr id="4" name="Pladsholder til slidenummer 3" hidden="1">
            <a:extLst>
              <a:ext uri="{FF2B5EF4-FFF2-40B4-BE49-F238E27FC236}">
                <a16:creationId xmlns:a16="http://schemas.microsoft.com/office/drawing/2014/main" id="{11EFDD7A-96A2-0F43-EA5B-ACFA9D88D930}"/>
              </a:ext>
            </a:extLst>
          </p:cNvPr>
          <p:cNvSpPr>
            <a:spLocks noGrp="1"/>
          </p:cNvSpPr>
          <p:nvPr>
            <p:ph type="sldNum" sz="quarter" idx="12"/>
          </p:nvPr>
        </p:nvSpPr>
        <p:spPr/>
        <p:txBody>
          <a:bodyPr/>
          <a:lstStyle/>
          <a:p>
            <a:pPr>
              <a:spcAft>
                <a:spcPts val="600"/>
              </a:spcAft>
            </a:pPr>
            <a:fld id="{667EC89C-17A0-4E64-A6D2-B825673CEEDF}" type="slidenum">
              <a:rPr lang="da-DK" smtClean="0"/>
              <a:pPr>
                <a:spcAft>
                  <a:spcPts val="600"/>
                </a:spcAft>
              </a:pPr>
              <a:t>14</a:t>
            </a:fld>
            <a:endParaRPr lang="da-DK"/>
          </a:p>
        </p:txBody>
      </p:sp>
    </p:spTree>
    <p:extLst>
      <p:ext uri="{BB962C8B-B14F-4D97-AF65-F5344CB8AC3E}">
        <p14:creationId xmlns:p14="http://schemas.microsoft.com/office/powerpoint/2010/main" val="2381337506"/>
      </p:ext>
    </p:extLst>
  </p:cSld>
  <p:clrMapOvr>
    <a:masterClrMapping/>
  </p:clrMapOvr>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Pladsholder til slidenummer 3">
            <a:extLst>
              <a:ext uri="{FF2B5EF4-FFF2-40B4-BE49-F238E27FC236}">
                <a16:creationId xmlns:a16="http://schemas.microsoft.com/office/drawing/2014/main" id="{9B186E2E-C638-BAE4-0A66-58F47088890B}"/>
              </a:ext>
            </a:extLst>
          </p:cNvPr>
          <p:cNvSpPr>
            <a:spLocks noGrp="1"/>
          </p:cNvSpPr>
          <p:nvPr>
            <p:ph type="sldNum" sz="quarter" idx="12"/>
          </p:nvPr>
        </p:nvSpPr>
        <p:spPr/>
        <p:txBody>
          <a:bodyPr/>
          <a:lstStyle/>
          <a:p>
            <a:fld id="{667EC89C-17A0-4E64-A6D2-B825673CEEDF}" type="slidenum">
              <a:rPr lang="da-DK" smtClean="0"/>
              <a:pPr/>
              <a:t>15</a:t>
            </a:fld>
            <a:endParaRPr lang="da-DK" dirty="0"/>
          </a:p>
        </p:txBody>
      </p:sp>
      <p:pic>
        <p:nvPicPr>
          <p:cNvPr id="6" name="Billede 5">
            <a:extLst>
              <a:ext uri="{FF2B5EF4-FFF2-40B4-BE49-F238E27FC236}">
                <a16:creationId xmlns:a16="http://schemas.microsoft.com/office/drawing/2014/main" id="{8991D060-43F5-8B5E-9AE4-3B3A68E39144}"/>
              </a:ext>
            </a:extLst>
          </p:cNvPr>
          <p:cNvPicPr>
            <a:picLocks noChangeAspect="1"/>
          </p:cNvPicPr>
          <p:nvPr/>
        </p:nvPicPr>
        <p:blipFill rotWithShape="1">
          <a:blip r:embed="rId2"/>
          <a:srcRect r="2575"/>
          <a:stretch/>
        </p:blipFill>
        <p:spPr>
          <a:xfrm>
            <a:off x="1" y="1"/>
            <a:ext cx="12278732" cy="9601200"/>
          </a:xfrm>
          <a:prstGeom prst="rect">
            <a:avLst/>
          </a:prstGeom>
        </p:spPr>
      </p:pic>
    </p:spTree>
    <p:extLst>
      <p:ext uri="{BB962C8B-B14F-4D97-AF65-F5344CB8AC3E}">
        <p14:creationId xmlns:p14="http://schemas.microsoft.com/office/powerpoint/2010/main" val="1215122814"/>
      </p:ext>
    </p:extLst>
  </p:cSld>
  <p:clrMapOvr>
    <a:masterClrMapping/>
  </p:clrMapOvr>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indhold 1">
            <a:extLst>
              <a:ext uri="{FF2B5EF4-FFF2-40B4-BE49-F238E27FC236}">
                <a16:creationId xmlns:a16="http://schemas.microsoft.com/office/drawing/2014/main" id="{7F8D7D49-8766-35E9-094B-EE4858A561D6}"/>
              </a:ext>
            </a:extLst>
          </p:cNvPr>
          <p:cNvSpPr>
            <a:spLocks noGrp="1"/>
          </p:cNvSpPr>
          <p:nvPr>
            <p:ph sz="quarter" idx="13"/>
          </p:nvPr>
        </p:nvSpPr>
        <p:spPr>
          <a:xfrm>
            <a:off x="8826290" y="1795794"/>
            <a:ext cx="5439439" cy="4838400"/>
          </a:xfrm>
        </p:spPr>
        <p:txBody>
          <a:bodyPr>
            <a:noAutofit/>
          </a:bodyPr>
          <a:lstStyle/>
          <a:p>
            <a:pPr marL="0" indent="0">
              <a:buNone/>
            </a:pPr>
            <a:r>
              <a:rPr lang="da-DK" sz="2400" b="1" dirty="0">
                <a:solidFill>
                  <a:srgbClr val="00AB86"/>
                </a:solidFill>
                <a:latin typeface="Akzidenz Grotesk BE"/>
              </a:rPr>
              <a:t>#1 Integreret leg</a:t>
            </a:r>
          </a:p>
          <a:p>
            <a:pPr marL="0" indent="0">
              <a:buNone/>
            </a:pPr>
            <a:r>
              <a:rPr lang="da-DK" sz="2400" dirty="0">
                <a:latin typeface="Akzidenz Grotesk BE"/>
              </a:rPr>
              <a:t>Gør legen til en integreret del af</a:t>
            </a:r>
            <a:br>
              <a:rPr lang="da-DK" sz="2400" dirty="0">
                <a:latin typeface="Akzidenz Grotesk BE"/>
              </a:rPr>
            </a:br>
            <a:r>
              <a:rPr lang="da-DK" sz="2400" dirty="0" err="1">
                <a:latin typeface="Akzidenz Grotesk BE"/>
              </a:rPr>
              <a:t>BørneRigets</a:t>
            </a:r>
            <a:r>
              <a:rPr lang="da-DK" sz="2400" dirty="0">
                <a:latin typeface="Akzidenz Grotesk BE"/>
              </a:rPr>
              <a:t> design, liv og forløb.</a:t>
            </a:r>
          </a:p>
          <a:p>
            <a:pPr marL="0" indent="0">
              <a:buNone/>
            </a:pPr>
            <a:r>
              <a:rPr lang="da-DK" sz="2400" b="1" dirty="0">
                <a:solidFill>
                  <a:srgbClr val="00AB86"/>
                </a:solidFill>
                <a:latin typeface="Akzidenz Grotesk BE"/>
              </a:rPr>
              <a:t>#2 Designet til hverdagen</a:t>
            </a:r>
          </a:p>
          <a:p>
            <a:pPr marL="0" indent="0">
              <a:buNone/>
            </a:pPr>
            <a:r>
              <a:rPr lang="da-DK" sz="2400" dirty="0">
                <a:latin typeface="Akzidenz Grotesk BE"/>
              </a:rPr>
              <a:t>Sæt verden indenfor og verden udenfor i takt – på BørneRiget går man ikke i stå.</a:t>
            </a:r>
          </a:p>
          <a:p>
            <a:pPr marL="0" indent="0">
              <a:buNone/>
            </a:pPr>
            <a:r>
              <a:rPr lang="da-DK" sz="2400" b="1" dirty="0">
                <a:solidFill>
                  <a:srgbClr val="00AB86"/>
                </a:solidFill>
                <a:latin typeface="Akzidenz Grotesk BE"/>
              </a:rPr>
              <a:t>#3 Se mig, spørg mig, lad mig</a:t>
            </a:r>
          </a:p>
          <a:p>
            <a:pPr marL="0" indent="0">
              <a:buNone/>
            </a:pPr>
            <a:r>
              <a:rPr lang="da-DK" sz="2400" dirty="0">
                <a:latin typeface="Akzidenz Grotesk BE"/>
              </a:rPr>
              <a:t>Giv følelsen af kontrol tilbage gennem de små ting.</a:t>
            </a:r>
          </a:p>
          <a:p>
            <a:pPr marL="0" indent="0">
              <a:buNone/>
            </a:pPr>
            <a:r>
              <a:rPr lang="da-DK" sz="2400" b="1" dirty="0">
                <a:solidFill>
                  <a:srgbClr val="00AB86"/>
                </a:solidFill>
                <a:latin typeface="Akzidenz Grotesk BE"/>
              </a:rPr>
              <a:t>#4 Den gode rejse</a:t>
            </a:r>
          </a:p>
          <a:p>
            <a:pPr marL="0" indent="0">
              <a:buNone/>
            </a:pPr>
            <a:r>
              <a:rPr lang="da-DK" sz="2400" dirty="0">
                <a:latin typeface="Akzidenz Grotesk BE"/>
              </a:rPr>
              <a:t>Skab en patientrejse, der starter godt, hænger sammen og fejrer fremskridt.</a:t>
            </a:r>
          </a:p>
          <a:p>
            <a:pPr marL="0" indent="0">
              <a:buNone/>
            </a:pPr>
            <a:r>
              <a:rPr lang="da-DK" sz="2400" b="1" dirty="0">
                <a:solidFill>
                  <a:srgbClr val="00AB86"/>
                </a:solidFill>
                <a:latin typeface="Akzidenz Grotesk BE"/>
              </a:rPr>
              <a:t>#5 Klare zoner</a:t>
            </a:r>
          </a:p>
          <a:p>
            <a:pPr marL="0" indent="0">
              <a:buNone/>
            </a:pPr>
            <a:r>
              <a:rPr lang="da-DK" sz="2400" dirty="0">
                <a:latin typeface="Akzidenz Grotesk BE"/>
              </a:rPr>
              <a:t>Skab en bygning, der er intuitiv at finde rundt i og fortæller dig, hvad du skal, må og kan.</a:t>
            </a:r>
            <a:endParaRPr lang="da-DK" sz="2400" dirty="0"/>
          </a:p>
        </p:txBody>
      </p:sp>
      <p:sp>
        <p:nvSpPr>
          <p:cNvPr id="3" name="Pladsholder til tekst 2">
            <a:extLst>
              <a:ext uri="{FF2B5EF4-FFF2-40B4-BE49-F238E27FC236}">
                <a16:creationId xmlns:a16="http://schemas.microsoft.com/office/drawing/2014/main" id="{5A2C6171-13F9-BAB9-82A8-D7112F696F2A}"/>
              </a:ext>
            </a:extLst>
          </p:cNvPr>
          <p:cNvSpPr>
            <a:spLocks noGrp="1"/>
          </p:cNvSpPr>
          <p:nvPr>
            <p:ph type="body" sz="quarter" idx="17"/>
          </p:nvPr>
        </p:nvSpPr>
        <p:spPr>
          <a:xfrm>
            <a:off x="1382181" y="1078743"/>
            <a:ext cx="9536192" cy="751694"/>
          </a:xfrm>
        </p:spPr>
        <p:txBody>
          <a:bodyPr/>
          <a:lstStyle/>
          <a:p>
            <a:r>
              <a:rPr lang="da-DK" dirty="0">
                <a:solidFill>
                  <a:srgbClr val="00AB86"/>
                </a:solidFill>
              </a:rPr>
              <a:t>Legende - 5 designprincipper</a:t>
            </a:r>
          </a:p>
        </p:txBody>
      </p:sp>
      <p:sp>
        <p:nvSpPr>
          <p:cNvPr id="4" name="Pladsholder til slidenummer 3">
            <a:extLst>
              <a:ext uri="{FF2B5EF4-FFF2-40B4-BE49-F238E27FC236}">
                <a16:creationId xmlns:a16="http://schemas.microsoft.com/office/drawing/2014/main" id="{7E79A406-7D12-6059-53ED-16EB347C8062}"/>
              </a:ext>
            </a:extLst>
          </p:cNvPr>
          <p:cNvSpPr>
            <a:spLocks noGrp="1"/>
          </p:cNvSpPr>
          <p:nvPr>
            <p:ph type="sldNum" sz="quarter" idx="12"/>
          </p:nvPr>
        </p:nvSpPr>
        <p:spPr/>
        <p:txBody>
          <a:bodyPr/>
          <a:lstStyle/>
          <a:p>
            <a:fld id="{667EC89C-17A0-4E64-A6D2-B825673CEEDF}" type="slidenum">
              <a:rPr lang="da-DK" smtClean="0"/>
              <a:pPr/>
              <a:t>16</a:t>
            </a:fld>
            <a:endParaRPr lang="da-DK" dirty="0"/>
          </a:p>
        </p:txBody>
      </p:sp>
      <p:pic>
        <p:nvPicPr>
          <p:cNvPr id="6" name="Billede 5">
            <a:extLst>
              <a:ext uri="{FF2B5EF4-FFF2-40B4-BE49-F238E27FC236}">
                <a16:creationId xmlns:a16="http://schemas.microsoft.com/office/drawing/2014/main" id="{DE762EFB-F170-3730-B11B-4881B97D5FAB}"/>
              </a:ext>
            </a:extLst>
          </p:cNvPr>
          <p:cNvPicPr>
            <a:picLocks noChangeAspect="1"/>
          </p:cNvPicPr>
          <p:nvPr/>
        </p:nvPicPr>
        <p:blipFill>
          <a:blip r:embed="rId2"/>
          <a:stretch>
            <a:fillRect/>
          </a:stretch>
        </p:blipFill>
        <p:spPr>
          <a:xfrm>
            <a:off x="1798732" y="2925304"/>
            <a:ext cx="5439439" cy="4050397"/>
          </a:xfrm>
          <a:prstGeom prst="rect">
            <a:avLst/>
          </a:prstGeom>
        </p:spPr>
      </p:pic>
      <p:sp>
        <p:nvSpPr>
          <p:cNvPr id="7" name="Tekstfelt 6">
            <a:extLst>
              <a:ext uri="{FF2B5EF4-FFF2-40B4-BE49-F238E27FC236}">
                <a16:creationId xmlns:a16="http://schemas.microsoft.com/office/drawing/2014/main" id="{1F6F485D-5ADB-F7A7-B442-44DA79FDA219}"/>
              </a:ext>
            </a:extLst>
          </p:cNvPr>
          <p:cNvSpPr txBox="1"/>
          <p:nvPr/>
        </p:nvSpPr>
        <p:spPr>
          <a:xfrm>
            <a:off x="1798732" y="8842261"/>
            <a:ext cx="7662309" cy="277105"/>
          </a:xfrm>
          <a:prstGeom prst="rect">
            <a:avLst/>
          </a:prstGeom>
          <a:noFill/>
        </p:spPr>
        <p:txBody>
          <a:bodyPr wrap="square" lIns="0" tIns="0" rIns="0" bIns="0" rtlCol="0">
            <a:noAutofit/>
          </a:bodyPr>
          <a:lstStyle/>
          <a:p>
            <a:r>
              <a:rPr lang="da-DK" sz="1200" dirty="0">
                <a:solidFill>
                  <a:srgbClr val="00AB86"/>
                </a:solidFill>
              </a:rPr>
              <a:t>*BørneRiget - Brugeroplevelsen på verdens bedste hospital for børn og familier - </a:t>
            </a:r>
            <a:r>
              <a:rPr lang="en-US" sz="1200" dirty="0">
                <a:solidFill>
                  <a:srgbClr val="00AB86"/>
                </a:solidFill>
              </a:rPr>
              <a:t>Juliane Marie Centre</a:t>
            </a:r>
            <a:br>
              <a:rPr lang="en-US" sz="1200" dirty="0">
                <a:solidFill>
                  <a:srgbClr val="00AB86"/>
                </a:solidFill>
              </a:rPr>
            </a:br>
            <a:r>
              <a:rPr lang="en-US" sz="1200" dirty="0">
                <a:solidFill>
                  <a:srgbClr val="00AB86"/>
                </a:solidFill>
              </a:rPr>
              <a:t>​​​​https://www.rigshospitalet.dk/maryelizabethshospital/kultur-og-faglig-udvikling/Documents/designprincipper-dk.pdf</a:t>
            </a:r>
            <a:endParaRPr lang="da-DK" sz="1200" dirty="0">
              <a:solidFill>
                <a:srgbClr val="00AB86"/>
              </a:solidFill>
            </a:endParaRPr>
          </a:p>
        </p:txBody>
      </p:sp>
      <p:pic>
        <p:nvPicPr>
          <p:cNvPr id="5" name="Billede 4">
            <a:extLst>
              <a:ext uri="{FF2B5EF4-FFF2-40B4-BE49-F238E27FC236}">
                <a16:creationId xmlns:a16="http://schemas.microsoft.com/office/drawing/2014/main" id="{19906550-17AD-CE1B-B499-DE638B8FF168}"/>
              </a:ext>
            </a:extLst>
          </p:cNvPr>
          <p:cNvPicPr>
            <a:picLocks noChangeAspect="1"/>
          </p:cNvPicPr>
          <p:nvPr/>
        </p:nvPicPr>
        <p:blipFill>
          <a:blip r:embed="rId3">
            <a:clrChange>
              <a:clrFrom>
                <a:srgbClr val="FFFFFF"/>
              </a:clrFrom>
              <a:clrTo>
                <a:srgbClr val="FFFFFF">
                  <a:alpha val="0"/>
                </a:srgbClr>
              </a:clrTo>
            </a:clrChange>
          </a:blip>
          <a:stretch>
            <a:fillRect/>
          </a:stretch>
        </p:blipFill>
        <p:spPr>
          <a:xfrm>
            <a:off x="619594" y="239843"/>
            <a:ext cx="750778" cy="674557"/>
          </a:xfrm>
          <a:prstGeom prst="rect">
            <a:avLst/>
          </a:prstGeom>
        </p:spPr>
      </p:pic>
    </p:spTree>
    <p:extLst>
      <p:ext uri="{BB962C8B-B14F-4D97-AF65-F5344CB8AC3E}">
        <p14:creationId xmlns:p14="http://schemas.microsoft.com/office/powerpoint/2010/main" val="1287455876"/>
      </p:ext>
    </p:extLst>
  </p:cSld>
  <p:clrMapOvr>
    <a:masterClrMapping/>
  </p:clrMapOvr>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94" name="Text Box 426"/>
          <p:cNvSpPr txBox="1">
            <a:spLocks noGrp="1"/>
          </p:cNvSpPr>
          <p:nvPr>
            <p:ph type="sldNum" sz="quarter" idx="4294967295"/>
          </p:nvPr>
        </p:nvSpPr>
        <p:spPr>
          <a:xfrm>
            <a:off x="13225154" y="6400416"/>
            <a:ext cx="262248" cy="276995"/>
          </a:xfrm>
          <a:prstGeom prst="rect">
            <a:avLst/>
          </a:prstGeom>
          <a:solidFill>
            <a:srgbClr val="AEB4D6"/>
          </a:solidFill>
          <a:ln w="12700">
            <a:miter lim="400000"/>
          </a:ln>
          <a:extLst>
            <a:ext uri="{C572A759-6A51-4108-AA02-DFA0A04FC94B}">
              <ma14:wrappingTextBoxFlag xmlns="" xmlns:m="http://schemas.openxmlformats.org/officeDocument/2006/math" xmlns:a14="http://schemas.microsoft.com/office/drawing/2010/main" xmlns:ma14="http://schemas.microsoft.com/office/mac/drawingml/2011/main" val="1"/>
            </a:ext>
          </a:extLst>
        </p:spPr>
        <p:txBody>
          <a:bodyPr wrap="none" lIns="45718" tIns="45718" rIns="45718" bIns="45718" anchor="ctr">
            <a:spAutoFit/>
          </a:bodyPr>
          <a:lstStyle>
            <a:defPPr marL="0" marR="0" indent="0" algn="l" defTabSz="914400" rtl="0" fontAlgn="auto" latinLnBrk="1" hangingPunct="0">
              <a:lnSpc>
                <a:spcPct val="100000"/>
              </a:lnSpc>
              <a:spcBef>
                <a:spcPts val="0"/>
              </a:spcBef>
              <a:spcAft>
                <a:spcPts val="0"/>
              </a:spcAft>
              <a:buClrTx/>
              <a:buSzTx/>
              <a:buFontTx/>
              <a:buNone/>
              <a:tabLst/>
              <a:defRPr kumimoji="0" sz="1800" b="0" i="0" u="none" strike="noStrike" cap="none" spc="0" normalizeH="0" baseline="0">
                <a:ln>
                  <a:noFill/>
                </a:ln>
                <a:solidFill>
                  <a:srgbClr val="000000"/>
                </a:solidFill>
                <a:effectLst/>
                <a:uFillTx/>
              </a:defRPr>
            </a:defPPr>
            <a:lvl1pPr marL="0" marR="0" indent="0" algn="r" defTabSz="914400" rtl="0" fontAlgn="auto" latinLnBrk="0" hangingPunct="0">
              <a:lnSpc>
                <a:spcPct val="100000"/>
              </a:lnSpc>
              <a:spcBef>
                <a:spcPts val="0"/>
              </a:spcBef>
              <a:spcAft>
                <a:spcPts val="0"/>
              </a:spcAft>
              <a:buClrTx/>
              <a:buSzTx/>
              <a:buFontTx/>
              <a:buNone/>
              <a:tabLst/>
              <a:defRPr kumimoji="0" sz="1200" b="0" i="0" u="none" strike="noStrike" cap="none" spc="0" normalizeH="0" baseline="0">
                <a:ln>
                  <a:noFill/>
                </a:ln>
                <a:solidFill>
                  <a:srgbClr val="888888"/>
                </a:solidFill>
                <a:effectLst/>
                <a:uFillTx/>
                <a:latin typeface="+mj-lt"/>
                <a:ea typeface="+mj-ea"/>
                <a:cs typeface="+mj-cs"/>
                <a:sym typeface="Calibri"/>
              </a:defRPr>
            </a:lvl1pPr>
            <a:lvl2pPr marL="0" marR="0" indent="0" algn="l" defTabSz="914400" rtl="0" fontAlgn="auto" latinLnBrk="0" hangingPunct="0">
              <a:lnSpc>
                <a:spcPct val="100000"/>
              </a:lnSpc>
              <a:spcBef>
                <a:spcPts val="0"/>
              </a:spcBef>
              <a:spcAft>
                <a:spcPts val="0"/>
              </a:spcAft>
              <a:buClrTx/>
              <a:buSzTx/>
              <a:buFontTx/>
              <a:buNone/>
              <a:tabLst/>
              <a:defRPr kumimoji="0" sz="1800" b="0" i="0" u="none" strike="noStrike" cap="none" spc="0" normalizeH="0" baseline="0">
                <a:ln>
                  <a:noFill/>
                </a:ln>
                <a:solidFill>
                  <a:srgbClr val="000000"/>
                </a:solidFill>
                <a:effectLst/>
                <a:uFillTx/>
                <a:latin typeface="+mn-lt"/>
                <a:ea typeface="+mn-ea"/>
                <a:cs typeface="+mn-cs"/>
                <a:sym typeface="Helvetica"/>
              </a:defRPr>
            </a:lvl2pPr>
            <a:lvl3pPr marL="0" marR="0" indent="0" algn="l" defTabSz="914400" rtl="0" fontAlgn="auto" latinLnBrk="0" hangingPunct="0">
              <a:lnSpc>
                <a:spcPct val="100000"/>
              </a:lnSpc>
              <a:spcBef>
                <a:spcPts val="0"/>
              </a:spcBef>
              <a:spcAft>
                <a:spcPts val="0"/>
              </a:spcAft>
              <a:buClrTx/>
              <a:buSzTx/>
              <a:buFontTx/>
              <a:buNone/>
              <a:tabLst/>
              <a:defRPr kumimoji="0" sz="1800" b="0" i="0" u="none" strike="noStrike" cap="none" spc="0" normalizeH="0" baseline="0">
                <a:ln>
                  <a:noFill/>
                </a:ln>
                <a:solidFill>
                  <a:srgbClr val="000000"/>
                </a:solidFill>
                <a:effectLst/>
                <a:uFillTx/>
                <a:latin typeface="+mn-lt"/>
                <a:ea typeface="+mn-ea"/>
                <a:cs typeface="+mn-cs"/>
                <a:sym typeface="Helvetica"/>
              </a:defRPr>
            </a:lvl3pPr>
            <a:lvl4pPr marL="0" marR="0" indent="0" algn="l" defTabSz="914400" rtl="0" fontAlgn="auto" latinLnBrk="0" hangingPunct="0">
              <a:lnSpc>
                <a:spcPct val="100000"/>
              </a:lnSpc>
              <a:spcBef>
                <a:spcPts val="0"/>
              </a:spcBef>
              <a:spcAft>
                <a:spcPts val="0"/>
              </a:spcAft>
              <a:buClrTx/>
              <a:buSzTx/>
              <a:buFontTx/>
              <a:buNone/>
              <a:tabLst/>
              <a:defRPr kumimoji="0" sz="1800" b="0" i="0" u="none" strike="noStrike" cap="none" spc="0" normalizeH="0" baseline="0">
                <a:ln>
                  <a:noFill/>
                </a:ln>
                <a:solidFill>
                  <a:srgbClr val="000000"/>
                </a:solidFill>
                <a:effectLst/>
                <a:uFillTx/>
                <a:latin typeface="+mn-lt"/>
                <a:ea typeface="+mn-ea"/>
                <a:cs typeface="+mn-cs"/>
                <a:sym typeface="Helvetica"/>
              </a:defRPr>
            </a:lvl4pPr>
            <a:lvl5pPr marL="0" marR="0" indent="0" algn="l" defTabSz="914400" rtl="0" fontAlgn="auto" latinLnBrk="0" hangingPunct="0">
              <a:lnSpc>
                <a:spcPct val="100000"/>
              </a:lnSpc>
              <a:spcBef>
                <a:spcPts val="0"/>
              </a:spcBef>
              <a:spcAft>
                <a:spcPts val="0"/>
              </a:spcAft>
              <a:buClrTx/>
              <a:buSzTx/>
              <a:buFontTx/>
              <a:buNone/>
              <a:tabLst/>
              <a:defRPr kumimoji="0" sz="1800" b="0" i="0" u="none" strike="noStrike" cap="none" spc="0" normalizeH="0" baseline="0">
                <a:ln>
                  <a:noFill/>
                </a:ln>
                <a:solidFill>
                  <a:srgbClr val="000000"/>
                </a:solidFill>
                <a:effectLst/>
                <a:uFillTx/>
                <a:latin typeface="+mn-lt"/>
                <a:ea typeface="+mn-ea"/>
                <a:cs typeface="+mn-cs"/>
                <a:sym typeface="Helvetica"/>
              </a:defRPr>
            </a:lvl5pPr>
            <a:lvl6pPr marL="0" marR="0" indent="0" algn="l" defTabSz="914400" rtl="0" fontAlgn="auto" latinLnBrk="0" hangingPunct="0">
              <a:lnSpc>
                <a:spcPct val="100000"/>
              </a:lnSpc>
              <a:spcBef>
                <a:spcPts val="0"/>
              </a:spcBef>
              <a:spcAft>
                <a:spcPts val="0"/>
              </a:spcAft>
              <a:buClrTx/>
              <a:buSzTx/>
              <a:buFontTx/>
              <a:buNone/>
              <a:tabLst/>
              <a:defRPr kumimoji="0" sz="1800" b="0" i="0" u="none" strike="noStrike" cap="none" spc="0" normalizeH="0" baseline="0">
                <a:ln>
                  <a:noFill/>
                </a:ln>
                <a:solidFill>
                  <a:srgbClr val="000000"/>
                </a:solidFill>
                <a:effectLst/>
                <a:uFillTx/>
                <a:latin typeface="+mn-lt"/>
                <a:ea typeface="+mn-ea"/>
                <a:cs typeface="+mn-cs"/>
                <a:sym typeface="Helvetica"/>
              </a:defRPr>
            </a:lvl6pPr>
            <a:lvl7pPr marL="0" marR="0" indent="0" algn="l" defTabSz="914400" rtl="0" fontAlgn="auto" latinLnBrk="0" hangingPunct="0">
              <a:lnSpc>
                <a:spcPct val="100000"/>
              </a:lnSpc>
              <a:spcBef>
                <a:spcPts val="0"/>
              </a:spcBef>
              <a:spcAft>
                <a:spcPts val="0"/>
              </a:spcAft>
              <a:buClrTx/>
              <a:buSzTx/>
              <a:buFontTx/>
              <a:buNone/>
              <a:tabLst/>
              <a:defRPr kumimoji="0" sz="1800" b="0" i="0" u="none" strike="noStrike" cap="none" spc="0" normalizeH="0" baseline="0">
                <a:ln>
                  <a:noFill/>
                </a:ln>
                <a:solidFill>
                  <a:srgbClr val="000000"/>
                </a:solidFill>
                <a:effectLst/>
                <a:uFillTx/>
                <a:latin typeface="+mn-lt"/>
                <a:ea typeface="+mn-ea"/>
                <a:cs typeface="+mn-cs"/>
                <a:sym typeface="Helvetica"/>
              </a:defRPr>
            </a:lvl7pPr>
            <a:lvl8pPr marL="0" marR="0" indent="0" algn="l" defTabSz="914400" rtl="0" fontAlgn="auto" latinLnBrk="0" hangingPunct="0">
              <a:lnSpc>
                <a:spcPct val="100000"/>
              </a:lnSpc>
              <a:spcBef>
                <a:spcPts val="0"/>
              </a:spcBef>
              <a:spcAft>
                <a:spcPts val="0"/>
              </a:spcAft>
              <a:buClrTx/>
              <a:buSzTx/>
              <a:buFontTx/>
              <a:buNone/>
              <a:tabLst/>
              <a:defRPr kumimoji="0" sz="1800" b="0" i="0" u="none" strike="noStrike" cap="none" spc="0" normalizeH="0" baseline="0">
                <a:ln>
                  <a:noFill/>
                </a:ln>
                <a:solidFill>
                  <a:srgbClr val="000000"/>
                </a:solidFill>
                <a:effectLst/>
                <a:uFillTx/>
                <a:latin typeface="+mn-lt"/>
                <a:ea typeface="+mn-ea"/>
                <a:cs typeface="+mn-cs"/>
                <a:sym typeface="Helvetica"/>
              </a:defRPr>
            </a:lvl8pPr>
            <a:lvl9pPr marL="0" marR="0" indent="0" algn="l" defTabSz="914400" rtl="0" fontAlgn="auto" latinLnBrk="0" hangingPunct="0">
              <a:lnSpc>
                <a:spcPct val="100000"/>
              </a:lnSpc>
              <a:spcBef>
                <a:spcPts val="0"/>
              </a:spcBef>
              <a:spcAft>
                <a:spcPts val="0"/>
              </a:spcAft>
              <a:buClrTx/>
              <a:buSzTx/>
              <a:buFontTx/>
              <a:buNone/>
              <a:tabLst/>
              <a:defRPr kumimoji="0" sz="1800" b="0" i="0" u="none" strike="noStrike" cap="none" spc="0" normalizeH="0" baseline="0">
                <a:ln>
                  <a:noFill/>
                </a:ln>
                <a:solidFill>
                  <a:srgbClr val="000000"/>
                </a:solidFill>
                <a:effectLst/>
                <a:uFillTx/>
                <a:latin typeface="+mn-lt"/>
                <a:ea typeface="+mn-ea"/>
                <a:cs typeface="+mn-cs"/>
                <a:sym typeface="Helvetica"/>
              </a:defRPr>
            </a:lvl9pPr>
          </a:lstStyle>
          <a:p>
            <a:fld id="{86CB4B4D-7CA3-9044-876B-883B54F8677D}" type="slidenum">
              <a:rPr lang="da-DK" smtClean="0"/>
              <a:pPr/>
              <a:t>17</a:t>
            </a:fld>
            <a:endParaRPr/>
          </a:p>
        </p:txBody>
      </p:sp>
      <p:pic>
        <p:nvPicPr>
          <p:cNvPr id="495" name="Pladsholder til billede 12" descr="Pladsholder til billede 12"/>
          <p:cNvPicPr>
            <a:picLocks noGrp="1" noChangeAspect="1"/>
          </p:cNvPicPr>
          <p:nvPr>
            <p:ph type="pic" idx="21"/>
          </p:nvPr>
        </p:nvPicPr>
        <p:blipFill>
          <a:blip r:embed="rId2"/>
          <a:stretch>
            <a:fillRect/>
          </a:stretch>
        </p:blipFill>
        <p:spPr>
          <a:prstGeom prst="rect">
            <a:avLst/>
          </a:prstGeom>
        </p:spPr>
      </p:pic>
      <p:pic>
        <p:nvPicPr>
          <p:cNvPr id="496" name="Pladsholder til billede 10" descr="Pladsholder til billede 10"/>
          <p:cNvPicPr>
            <a:picLocks noGrp="1" noChangeAspect="1"/>
          </p:cNvPicPr>
          <p:nvPr>
            <p:ph type="pic" idx="23"/>
          </p:nvPr>
        </p:nvPicPr>
        <p:blipFill>
          <a:blip r:embed="rId3"/>
          <a:stretch>
            <a:fillRect/>
          </a:stretch>
        </p:blipFill>
        <p:spPr>
          <a:prstGeom prst="rect">
            <a:avLst/>
          </a:prstGeom>
        </p:spPr>
      </p:pic>
      <p:pic>
        <p:nvPicPr>
          <p:cNvPr id="497" name="Pladsholder til billede 14" descr="Pladsholder til billede 14"/>
          <p:cNvPicPr>
            <a:picLocks noGrp="1" noChangeAspect="1"/>
          </p:cNvPicPr>
          <p:nvPr>
            <p:ph type="pic" idx="24"/>
          </p:nvPr>
        </p:nvPicPr>
        <p:blipFill>
          <a:blip r:embed="rId4"/>
          <a:stretch>
            <a:fillRect/>
          </a:stretch>
        </p:blipFill>
        <p:spPr>
          <a:prstGeom prst="rect">
            <a:avLst/>
          </a:prstGeom>
        </p:spPr>
      </p:pic>
      <p:pic>
        <p:nvPicPr>
          <p:cNvPr id="498" name="Pladsholder til billede 20" descr="Pladsholder til billede 20"/>
          <p:cNvPicPr>
            <a:picLocks noGrp="1" noChangeAspect="1"/>
          </p:cNvPicPr>
          <p:nvPr>
            <p:ph type="pic" idx="22"/>
          </p:nvPr>
        </p:nvPicPr>
        <p:blipFill>
          <a:blip r:embed="rId5"/>
          <a:stretch>
            <a:fillRect/>
          </a:stretch>
        </p:blipFill>
        <p:spPr>
          <a:prstGeom prst="rect">
            <a:avLst/>
          </a:prstGeom>
        </p:spPr>
      </p:pic>
      <p:sp>
        <p:nvSpPr>
          <p:cNvPr id="499" name="Freeform 11"/>
          <p:cNvSpPr/>
          <p:nvPr/>
        </p:nvSpPr>
        <p:spPr>
          <a:xfrm>
            <a:off x="0" y="0"/>
            <a:ext cx="193899" cy="9601200"/>
          </a:xfrm>
          <a:custGeom>
            <a:avLst/>
            <a:gdLst/>
            <a:ahLst/>
            <a:cxnLst>
              <a:cxn ang="0">
                <a:pos x="wd2" y="hd2"/>
              </a:cxn>
              <a:cxn ang="5400000">
                <a:pos x="wd2" y="hd2"/>
              </a:cxn>
              <a:cxn ang="10800000">
                <a:pos x="wd2" y="hd2"/>
              </a:cxn>
              <a:cxn ang="16200000">
                <a:pos x="wd2" y="hd2"/>
              </a:cxn>
            </a:cxnLst>
            <a:rect l="0" t="0" r="r" b="b"/>
            <a:pathLst>
              <a:path w="21600" h="21600" extrusionOk="0">
                <a:moveTo>
                  <a:pt x="55" y="0"/>
                </a:moveTo>
                <a:lnTo>
                  <a:pt x="21600" y="0"/>
                </a:lnTo>
                <a:lnTo>
                  <a:pt x="21600" y="21490"/>
                </a:lnTo>
                <a:lnTo>
                  <a:pt x="0" y="21600"/>
                </a:lnTo>
                <a:lnTo>
                  <a:pt x="55" y="0"/>
                </a:lnTo>
                <a:close/>
              </a:path>
            </a:pathLst>
          </a:custGeom>
          <a:solidFill>
            <a:srgbClr val="FF821E"/>
          </a:solidFill>
          <a:ln>
            <a:solidFill>
              <a:srgbClr val="FF821E"/>
            </a:solidFill>
          </a:ln>
        </p:spPr>
        <p:txBody>
          <a:bodyPr lIns="48004" tIns="48004" rIns="48004" bIns="48004"/>
          <a:lstStyle/>
          <a:p>
            <a:pPr>
              <a:defRPr>
                <a:latin typeface="+mj-lt"/>
                <a:ea typeface="+mj-ea"/>
                <a:cs typeface="+mj-cs"/>
                <a:sym typeface="Calibri"/>
              </a:defRPr>
            </a:pPr>
            <a:endParaRPr sz="2223"/>
          </a:p>
        </p:txBody>
      </p:sp>
      <p:pic>
        <p:nvPicPr>
          <p:cNvPr id="500" name="Billede 15" descr="Billede 15"/>
          <p:cNvPicPr>
            <a:picLocks noChangeAspect="1"/>
          </p:cNvPicPr>
          <p:nvPr/>
        </p:nvPicPr>
        <p:blipFill>
          <a:blip r:embed="rId6"/>
          <a:stretch>
            <a:fillRect/>
          </a:stretch>
        </p:blipFill>
        <p:spPr>
          <a:xfrm>
            <a:off x="54" y="8885523"/>
            <a:ext cx="675437" cy="715675"/>
          </a:xfrm>
          <a:prstGeom prst="rect">
            <a:avLst/>
          </a:prstGeom>
          <a:ln w="12700">
            <a:miter lim="400000"/>
          </a:ln>
        </p:spPr>
      </p:pic>
      <p:sp>
        <p:nvSpPr>
          <p:cNvPr id="501" name="Text Box 65"/>
          <p:cNvSpPr txBox="1"/>
          <p:nvPr/>
        </p:nvSpPr>
        <p:spPr>
          <a:xfrm rot="16200000">
            <a:off x="1300925" y="6561134"/>
            <a:ext cx="1880451" cy="193899"/>
          </a:xfrm>
          <a:prstGeom prst="rect">
            <a:avLst/>
          </a:prstGeom>
          <a:ln w="12700">
            <a:miter lim="400000"/>
          </a:ln>
          <a:extLst>
            <a:ext uri="{C572A759-6A51-4108-AA02-DFA0A04FC94B}">
              <ma14:wrappingTextBoxFlag xmlns="" xmlns:m="http://schemas.openxmlformats.org/officeDocument/2006/math" xmlns:a14="http://schemas.microsoft.com/office/drawing/2010/main" xmlns:ma14="http://schemas.microsoft.com/office/mac/drawingml/2011/main" val="1"/>
            </a:ext>
          </a:extLst>
        </p:spPr>
        <p:txBody>
          <a:bodyPr lIns="0" tIns="0" rIns="0" bIns="0" anchor="ctr">
            <a:spAutoFit/>
          </a:bodyPr>
          <a:lstStyle>
            <a:lvl1pPr>
              <a:defRPr sz="1200">
                <a:solidFill>
                  <a:srgbClr val="FFFFFF"/>
                </a:solidFill>
                <a:latin typeface="Arial"/>
                <a:ea typeface="Arial"/>
                <a:cs typeface="Arial"/>
                <a:sym typeface="Arial"/>
              </a:defRPr>
            </a:lvl1pPr>
          </a:lstStyle>
          <a:p>
            <a:r>
              <a:rPr sz="1260"/>
              <a:t>Mary Elizabeths Hospital</a:t>
            </a:r>
          </a:p>
        </p:txBody>
      </p:sp>
    </p:spTree>
  </p:cSld>
  <p:clrMapOvr>
    <a:masterClrMapping/>
  </p:clrMapOvr>
  <p:transition spd="med"/>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945" name="Billede 4" descr="Billede 4"/>
          <p:cNvPicPr>
            <a:picLocks noChangeAspect="1"/>
          </p:cNvPicPr>
          <p:nvPr/>
        </p:nvPicPr>
        <p:blipFill>
          <a:blip r:embed="rId2"/>
          <a:srcRect l="144" t="327" r="20193"/>
          <a:stretch>
            <a:fillRect/>
          </a:stretch>
        </p:blipFill>
        <p:spPr>
          <a:xfrm>
            <a:off x="11481019" y="227449"/>
            <a:ext cx="5321295" cy="2902313"/>
          </a:xfrm>
          <a:prstGeom prst="rect">
            <a:avLst/>
          </a:prstGeom>
          <a:ln w="12700">
            <a:miter lim="400000"/>
          </a:ln>
        </p:spPr>
      </p:pic>
      <p:sp>
        <p:nvSpPr>
          <p:cNvPr id="946" name="Rectangle 11"/>
          <p:cNvSpPr/>
          <p:nvPr/>
        </p:nvSpPr>
        <p:spPr>
          <a:xfrm>
            <a:off x="-3" y="-2"/>
            <a:ext cx="17064538" cy="9601201"/>
          </a:xfrm>
          <a:prstGeom prst="rect">
            <a:avLst/>
          </a:prstGeom>
          <a:solidFill>
            <a:srgbClr val="FFFFFF"/>
          </a:solidFill>
          <a:ln w="12700">
            <a:miter lim="400000"/>
          </a:ln>
        </p:spPr>
        <p:txBody>
          <a:bodyPr lIns="64005" tIns="64005" rIns="64005" bIns="64005" anchor="ctr"/>
          <a:lstStyle/>
          <a:p>
            <a:pPr algn="ctr">
              <a:defRPr>
                <a:solidFill>
                  <a:srgbClr val="FFFFFF"/>
                </a:solidFill>
                <a:latin typeface="Arial"/>
                <a:ea typeface="Arial"/>
                <a:cs typeface="Arial"/>
                <a:sym typeface="Arial"/>
              </a:defRPr>
            </a:pPr>
            <a:endParaRPr sz="2964"/>
          </a:p>
        </p:txBody>
      </p:sp>
      <p:pic>
        <p:nvPicPr>
          <p:cNvPr id="947" name="Billede 7" descr="Billede 7"/>
          <p:cNvPicPr>
            <a:picLocks noChangeAspect="1"/>
          </p:cNvPicPr>
          <p:nvPr/>
        </p:nvPicPr>
        <p:blipFill>
          <a:blip r:embed="rId3"/>
          <a:srcRect t="10057" b="5189"/>
          <a:stretch>
            <a:fillRect/>
          </a:stretch>
        </p:blipFill>
        <p:spPr>
          <a:xfrm>
            <a:off x="267518" y="240399"/>
            <a:ext cx="10937340" cy="5214194"/>
          </a:xfrm>
          <a:prstGeom prst="rect">
            <a:avLst/>
          </a:prstGeom>
          <a:ln w="12700">
            <a:miter lim="400000"/>
          </a:ln>
        </p:spPr>
      </p:pic>
      <p:pic>
        <p:nvPicPr>
          <p:cNvPr id="948" name="Billede 5" descr="Billede 5"/>
          <p:cNvPicPr>
            <a:picLocks noChangeAspect="1"/>
          </p:cNvPicPr>
          <p:nvPr/>
        </p:nvPicPr>
        <p:blipFill>
          <a:blip r:embed="rId4"/>
          <a:srcRect l="18357" r="2" b="2"/>
          <a:stretch>
            <a:fillRect/>
          </a:stretch>
        </p:blipFill>
        <p:spPr>
          <a:xfrm>
            <a:off x="267520" y="5699091"/>
            <a:ext cx="5332176" cy="3673739"/>
          </a:xfrm>
          <a:prstGeom prst="rect">
            <a:avLst/>
          </a:prstGeom>
          <a:ln w="12700">
            <a:miter lim="400000"/>
          </a:ln>
        </p:spPr>
      </p:pic>
      <p:pic>
        <p:nvPicPr>
          <p:cNvPr id="949" name="Billede 3" descr="Billede 3"/>
          <p:cNvPicPr>
            <a:picLocks noChangeAspect="1"/>
          </p:cNvPicPr>
          <p:nvPr/>
        </p:nvPicPr>
        <p:blipFill>
          <a:blip r:embed="rId5"/>
          <a:srcRect l="17644"/>
          <a:stretch>
            <a:fillRect/>
          </a:stretch>
        </p:blipFill>
        <p:spPr>
          <a:xfrm>
            <a:off x="5859876" y="5704313"/>
            <a:ext cx="5339666" cy="3647056"/>
          </a:xfrm>
          <a:prstGeom prst="rect">
            <a:avLst/>
          </a:prstGeom>
          <a:ln w="12700">
            <a:miter lim="400000"/>
          </a:ln>
        </p:spPr>
      </p:pic>
      <p:pic>
        <p:nvPicPr>
          <p:cNvPr id="950" name="Billede 4" descr="Billede 4"/>
          <p:cNvPicPr>
            <a:picLocks noChangeAspect="1"/>
          </p:cNvPicPr>
          <p:nvPr/>
        </p:nvPicPr>
        <p:blipFill>
          <a:blip r:embed="rId6"/>
          <a:srcRect r="1" b="3979"/>
          <a:stretch>
            <a:fillRect/>
          </a:stretch>
        </p:blipFill>
        <p:spPr>
          <a:xfrm>
            <a:off x="11471589" y="6468901"/>
            <a:ext cx="5357400" cy="2893673"/>
          </a:xfrm>
          <a:prstGeom prst="rect">
            <a:avLst/>
          </a:prstGeom>
          <a:ln w="12700">
            <a:miter lim="400000"/>
          </a:ln>
        </p:spPr>
      </p:pic>
      <p:pic>
        <p:nvPicPr>
          <p:cNvPr id="951" name="Billede 4" descr="Billede 4"/>
          <p:cNvPicPr>
            <a:picLocks noChangeAspect="1"/>
          </p:cNvPicPr>
          <p:nvPr/>
        </p:nvPicPr>
        <p:blipFill>
          <a:blip r:embed="rId7"/>
          <a:srcRect l="8175" t="151"/>
          <a:stretch>
            <a:fillRect/>
          </a:stretch>
        </p:blipFill>
        <p:spPr>
          <a:xfrm>
            <a:off x="270585" y="232534"/>
            <a:ext cx="10920169" cy="5205316"/>
          </a:xfrm>
          <a:prstGeom prst="rect">
            <a:avLst/>
          </a:prstGeom>
          <a:ln w="12700">
            <a:miter lim="400000"/>
          </a:ln>
        </p:spPr>
      </p:pic>
      <p:pic>
        <p:nvPicPr>
          <p:cNvPr id="952" name="Billede 4" descr="Billede 4"/>
          <p:cNvPicPr>
            <a:picLocks noChangeAspect="1"/>
          </p:cNvPicPr>
          <p:nvPr/>
        </p:nvPicPr>
        <p:blipFill>
          <a:blip r:embed="rId8"/>
          <a:srcRect l="112" t="23105" r="44"/>
          <a:stretch>
            <a:fillRect/>
          </a:stretch>
        </p:blipFill>
        <p:spPr>
          <a:xfrm>
            <a:off x="263947" y="5649522"/>
            <a:ext cx="10946942" cy="3694993"/>
          </a:xfrm>
          <a:prstGeom prst="rect">
            <a:avLst/>
          </a:prstGeom>
          <a:ln w="12700">
            <a:miter lim="400000"/>
          </a:ln>
        </p:spPr>
      </p:pic>
      <p:pic>
        <p:nvPicPr>
          <p:cNvPr id="953" name="Billede 4" descr="Billede 4"/>
          <p:cNvPicPr>
            <a:picLocks noChangeAspect="1"/>
          </p:cNvPicPr>
          <p:nvPr/>
        </p:nvPicPr>
        <p:blipFill>
          <a:blip r:embed="rId2"/>
          <a:srcRect l="6849" r="12312" b="271"/>
          <a:stretch>
            <a:fillRect/>
          </a:stretch>
        </p:blipFill>
        <p:spPr>
          <a:xfrm>
            <a:off x="11462657" y="259256"/>
            <a:ext cx="5303054" cy="2880074"/>
          </a:xfrm>
          <a:prstGeom prst="rect">
            <a:avLst/>
          </a:prstGeom>
          <a:ln w="12700">
            <a:miter lim="400000"/>
          </a:ln>
        </p:spPr>
      </p:pic>
      <p:pic>
        <p:nvPicPr>
          <p:cNvPr id="954" name="Billede 5" descr="Billede 5"/>
          <p:cNvPicPr>
            <a:picLocks noChangeAspect="1"/>
          </p:cNvPicPr>
          <p:nvPr/>
        </p:nvPicPr>
        <p:blipFill>
          <a:blip r:embed="rId9"/>
          <a:srcRect r="17399"/>
          <a:stretch>
            <a:fillRect/>
          </a:stretch>
        </p:blipFill>
        <p:spPr>
          <a:xfrm>
            <a:off x="11432309" y="3361473"/>
            <a:ext cx="5402587" cy="2868484"/>
          </a:xfrm>
          <a:prstGeom prst="rect">
            <a:avLst/>
          </a:prstGeom>
          <a:ln w="12700">
            <a:miter lim="400000"/>
          </a:ln>
        </p:spPr>
      </p:pic>
      <p:pic>
        <p:nvPicPr>
          <p:cNvPr id="955" name="Billede 14" descr="Billede 14"/>
          <p:cNvPicPr>
            <a:picLocks noChangeAspect="1"/>
          </p:cNvPicPr>
          <p:nvPr/>
        </p:nvPicPr>
        <p:blipFill>
          <a:blip r:embed="rId10"/>
          <a:srcRect l="18878" r="143"/>
          <a:stretch>
            <a:fillRect/>
          </a:stretch>
        </p:blipFill>
        <p:spPr>
          <a:xfrm>
            <a:off x="11469123" y="6466199"/>
            <a:ext cx="5352157" cy="2892544"/>
          </a:xfrm>
          <a:prstGeom prst="rect">
            <a:avLst/>
          </a:prstGeom>
          <a:ln w="12700">
            <a:miter lim="400000"/>
          </a:ln>
        </p:spPr>
      </p:pic>
      <p:sp>
        <p:nvSpPr>
          <p:cNvPr id="956" name="Freeform 11"/>
          <p:cNvSpPr/>
          <p:nvPr/>
        </p:nvSpPr>
        <p:spPr>
          <a:xfrm>
            <a:off x="-12444" y="-1781"/>
            <a:ext cx="298798" cy="8878682"/>
          </a:xfrm>
          <a:custGeom>
            <a:avLst/>
            <a:gdLst/>
            <a:ahLst/>
            <a:cxnLst>
              <a:cxn ang="0">
                <a:pos x="wd2" y="hd2"/>
              </a:cxn>
              <a:cxn ang="5400000">
                <a:pos x="wd2" y="hd2"/>
              </a:cxn>
              <a:cxn ang="10800000">
                <a:pos x="wd2" y="hd2"/>
              </a:cxn>
              <a:cxn ang="16200000">
                <a:pos x="wd2" y="hd2"/>
              </a:cxn>
            </a:cxnLst>
            <a:rect l="0" t="0" r="r" b="b"/>
            <a:pathLst>
              <a:path w="21600" h="21600" extrusionOk="0">
                <a:moveTo>
                  <a:pt x="55" y="0"/>
                </a:moveTo>
                <a:lnTo>
                  <a:pt x="21600" y="0"/>
                </a:lnTo>
                <a:lnTo>
                  <a:pt x="21600" y="21490"/>
                </a:lnTo>
                <a:lnTo>
                  <a:pt x="0" y="21600"/>
                </a:lnTo>
                <a:lnTo>
                  <a:pt x="55" y="0"/>
                </a:lnTo>
                <a:close/>
              </a:path>
            </a:pathLst>
          </a:custGeom>
          <a:solidFill>
            <a:srgbClr val="FF821E"/>
          </a:solidFill>
          <a:ln>
            <a:solidFill>
              <a:srgbClr val="FF821E"/>
            </a:solidFill>
          </a:ln>
        </p:spPr>
        <p:txBody>
          <a:bodyPr lIns="64005" tIns="64005" rIns="64005" bIns="64005"/>
          <a:lstStyle/>
          <a:p>
            <a:pPr>
              <a:defRPr>
                <a:latin typeface="+mj-lt"/>
                <a:ea typeface="+mj-ea"/>
                <a:cs typeface="+mj-cs"/>
                <a:sym typeface="Calibri"/>
              </a:defRPr>
            </a:pPr>
            <a:endParaRPr sz="2964"/>
          </a:p>
        </p:txBody>
      </p:sp>
      <p:pic>
        <p:nvPicPr>
          <p:cNvPr id="957" name="Billede 15" descr="Billede 15"/>
          <p:cNvPicPr>
            <a:picLocks noChangeAspect="1"/>
          </p:cNvPicPr>
          <p:nvPr/>
        </p:nvPicPr>
        <p:blipFill>
          <a:blip r:embed="rId11"/>
          <a:stretch>
            <a:fillRect/>
          </a:stretch>
        </p:blipFill>
        <p:spPr>
          <a:xfrm>
            <a:off x="1" y="8646971"/>
            <a:ext cx="900582" cy="954233"/>
          </a:xfrm>
          <a:prstGeom prst="rect">
            <a:avLst/>
          </a:prstGeom>
          <a:ln w="12700">
            <a:miter lim="400000"/>
          </a:ln>
        </p:spPr>
      </p:pic>
      <p:sp>
        <p:nvSpPr>
          <p:cNvPr id="958" name="Text Box 65"/>
          <p:cNvSpPr txBox="1"/>
          <p:nvPr/>
        </p:nvSpPr>
        <p:spPr>
          <a:xfrm rot="16200000">
            <a:off x="-1110235" y="7147977"/>
            <a:ext cx="2507268" cy="258532"/>
          </a:xfrm>
          <a:prstGeom prst="rect">
            <a:avLst/>
          </a:prstGeom>
          <a:ln w="12700">
            <a:miter lim="400000"/>
          </a:ln>
          <a:extLst>
            <a:ext uri="{C572A759-6A51-4108-AA02-DFA0A04FC94B}">
              <ma14:wrappingTextBoxFlag xmlns="" xmlns:m="http://schemas.openxmlformats.org/officeDocument/2006/math" xmlns:a14="http://schemas.microsoft.com/office/drawing/2010/main" xmlns:ma14="http://schemas.microsoft.com/office/mac/drawingml/2011/main" val="1"/>
            </a:ext>
          </a:extLst>
        </p:spPr>
        <p:txBody>
          <a:bodyPr lIns="0" tIns="0" rIns="0" bIns="0" anchor="ctr">
            <a:spAutoFit/>
          </a:bodyPr>
          <a:lstStyle>
            <a:lvl1pPr>
              <a:defRPr sz="1200">
                <a:solidFill>
                  <a:srgbClr val="FFFFFF"/>
                </a:solidFill>
                <a:latin typeface="Arial"/>
                <a:ea typeface="Arial"/>
                <a:cs typeface="Arial"/>
                <a:sym typeface="Arial"/>
              </a:defRPr>
            </a:lvl1pPr>
          </a:lstStyle>
          <a:p>
            <a:r>
              <a:rPr sz="1680"/>
              <a:t>Mary Elizabeths Hospital</a:t>
            </a:r>
          </a:p>
        </p:txBody>
      </p:sp>
    </p:spTree>
  </p:cSld>
  <p:clrMapOvr>
    <a:masterClrMapping/>
  </p:clrMapOvr>
  <p:transition spd="med"/>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84" name="Koncepter"/>
          <p:cNvSpPr txBox="1">
            <a:spLocks noGrp="1"/>
          </p:cNvSpPr>
          <p:nvPr>
            <p:ph type="ctrTitle"/>
          </p:nvPr>
        </p:nvSpPr>
        <p:spPr>
          <a:xfrm>
            <a:off x="301443" y="882290"/>
            <a:ext cx="5728799" cy="3342643"/>
          </a:xfrm>
          <a:prstGeom prst="rect">
            <a:avLst/>
          </a:prstGeom>
        </p:spPr>
        <p:txBody>
          <a:bodyPr/>
          <a:lstStyle/>
          <a:p>
            <a:r>
              <a:t>Fælles Rytme</a:t>
            </a:r>
          </a:p>
        </p:txBody>
      </p:sp>
      <p:pic>
        <p:nvPicPr>
          <p:cNvPr id="785" name="indsat-film.png" descr="indsat-film.png"/>
          <p:cNvPicPr>
            <a:picLocks noChangeAspect="1"/>
          </p:cNvPicPr>
          <p:nvPr/>
        </p:nvPicPr>
        <p:blipFill>
          <a:blip r:embed="rId2"/>
          <a:stretch>
            <a:fillRect/>
          </a:stretch>
        </p:blipFill>
        <p:spPr>
          <a:xfrm>
            <a:off x="8379502" y="-2187"/>
            <a:ext cx="8689298" cy="12262080"/>
          </a:xfrm>
          <a:prstGeom prst="rect">
            <a:avLst/>
          </a:prstGeom>
          <a:ln w="12700">
            <a:miter lim="400000"/>
          </a:ln>
        </p:spPr>
      </p:pic>
      <p:sp>
        <p:nvSpPr>
          <p:cNvPr id="786" name="Freeform 11"/>
          <p:cNvSpPr/>
          <p:nvPr/>
        </p:nvSpPr>
        <p:spPr>
          <a:xfrm>
            <a:off x="-12444" y="-1781"/>
            <a:ext cx="298798" cy="8878682"/>
          </a:xfrm>
          <a:custGeom>
            <a:avLst/>
            <a:gdLst/>
            <a:ahLst/>
            <a:cxnLst>
              <a:cxn ang="0">
                <a:pos x="wd2" y="hd2"/>
              </a:cxn>
              <a:cxn ang="5400000">
                <a:pos x="wd2" y="hd2"/>
              </a:cxn>
              <a:cxn ang="10800000">
                <a:pos x="wd2" y="hd2"/>
              </a:cxn>
              <a:cxn ang="16200000">
                <a:pos x="wd2" y="hd2"/>
              </a:cxn>
            </a:cxnLst>
            <a:rect l="0" t="0" r="r" b="b"/>
            <a:pathLst>
              <a:path w="21600" h="21600" extrusionOk="0">
                <a:moveTo>
                  <a:pt x="55" y="0"/>
                </a:moveTo>
                <a:lnTo>
                  <a:pt x="21600" y="0"/>
                </a:lnTo>
                <a:lnTo>
                  <a:pt x="21600" y="21490"/>
                </a:lnTo>
                <a:lnTo>
                  <a:pt x="0" y="21600"/>
                </a:lnTo>
                <a:lnTo>
                  <a:pt x="55" y="0"/>
                </a:lnTo>
                <a:close/>
              </a:path>
            </a:pathLst>
          </a:custGeom>
          <a:solidFill>
            <a:srgbClr val="FF821E"/>
          </a:solidFill>
          <a:ln>
            <a:solidFill>
              <a:srgbClr val="FF821E"/>
            </a:solidFill>
          </a:ln>
        </p:spPr>
        <p:txBody>
          <a:bodyPr lIns="64005" tIns="64005" rIns="64005" bIns="64005"/>
          <a:lstStyle/>
          <a:p>
            <a:pPr>
              <a:defRPr>
                <a:latin typeface="+mj-lt"/>
                <a:ea typeface="+mj-ea"/>
                <a:cs typeface="+mj-cs"/>
                <a:sym typeface="Calibri"/>
              </a:defRPr>
            </a:pPr>
            <a:endParaRPr sz="2964"/>
          </a:p>
        </p:txBody>
      </p:sp>
      <p:pic>
        <p:nvPicPr>
          <p:cNvPr id="787" name="Billede 15" descr="Billede 15"/>
          <p:cNvPicPr>
            <a:picLocks noChangeAspect="1"/>
          </p:cNvPicPr>
          <p:nvPr/>
        </p:nvPicPr>
        <p:blipFill>
          <a:blip r:embed="rId3"/>
          <a:stretch>
            <a:fillRect/>
          </a:stretch>
        </p:blipFill>
        <p:spPr>
          <a:xfrm>
            <a:off x="1" y="8646971"/>
            <a:ext cx="900582" cy="954233"/>
          </a:xfrm>
          <a:prstGeom prst="rect">
            <a:avLst/>
          </a:prstGeom>
          <a:ln w="12700">
            <a:miter lim="400000"/>
          </a:ln>
        </p:spPr>
      </p:pic>
      <p:sp>
        <p:nvSpPr>
          <p:cNvPr id="788" name="Text Box 65"/>
          <p:cNvSpPr txBox="1"/>
          <p:nvPr/>
        </p:nvSpPr>
        <p:spPr>
          <a:xfrm rot="16200000">
            <a:off x="-1110235" y="7147977"/>
            <a:ext cx="2507268" cy="258532"/>
          </a:xfrm>
          <a:prstGeom prst="rect">
            <a:avLst/>
          </a:prstGeom>
          <a:ln w="12700">
            <a:miter lim="400000"/>
          </a:ln>
          <a:extLst>
            <a:ext uri="{C572A759-6A51-4108-AA02-DFA0A04FC94B}">
              <ma14:wrappingTextBoxFlag xmlns="" xmlns:m="http://schemas.openxmlformats.org/officeDocument/2006/math" xmlns:a14="http://schemas.microsoft.com/office/drawing/2010/main" xmlns:ma14="http://schemas.microsoft.com/office/mac/drawingml/2011/main" val="1"/>
            </a:ext>
          </a:extLst>
        </p:spPr>
        <p:txBody>
          <a:bodyPr lIns="0" tIns="0" rIns="0" bIns="0" anchor="ctr">
            <a:spAutoFit/>
          </a:bodyPr>
          <a:lstStyle>
            <a:lvl1pPr>
              <a:defRPr sz="1200">
                <a:solidFill>
                  <a:srgbClr val="FFFFFF"/>
                </a:solidFill>
                <a:latin typeface="Arial"/>
                <a:ea typeface="Arial"/>
                <a:cs typeface="Arial"/>
                <a:sym typeface="Arial"/>
              </a:defRPr>
            </a:lvl1pPr>
          </a:lstStyle>
          <a:p>
            <a:r>
              <a:rPr sz="1680"/>
              <a:t>Mary Elizabeths Hospital</a:t>
            </a:r>
          </a:p>
        </p:txBody>
      </p:sp>
    </p:spTree>
  </p:cSld>
  <p:clrMapOvr>
    <a:masterClrMapping/>
  </p:clrMapOvr>
  <p:transition spd="med"/>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Pladsholder til tekst 2">
            <a:extLst>
              <a:ext uri="{FF2B5EF4-FFF2-40B4-BE49-F238E27FC236}">
                <a16:creationId xmlns:a16="http://schemas.microsoft.com/office/drawing/2014/main" id="{87E71E29-6330-6187-2A7D-010931B51EC6}"/>
              </a:ext>
            </a:extLst>
          </p:cNvPr>
          <p:cNvSpPr>
            <a:spLocks noGrp="1"/>
          </p:cNvSpPr>
          <p:nvPr>
            <p:ph type="body" sz="quarter" idx="17"/>
          </p:nvPr>
        </p:nvSpPr>
        <p:spPr>
          <a:xfrm>
            <a:off x="1370372" y="1109154"/>
            <a:ext cx="10695137" cy="772282"/>
          </a:xfrm>
        </p:spPr>
        <p:txBody>
          <a:bodyPr/>
          <a:lstStyle/>
          <a:p>
            <a:r>
              <a:rPr lang="da-DK" dirty="0"/>
              <a:t>Om Center for Ejendomme</a:t>
            </a:r>
          </a:p>
        </p:txBody>
      </p:sp>
      <p:sp>
        <p:nvSpPr>
          <p:cNvPr id="4" name="Pladsholder til slidenummer 3">
            <a:extLst>
              <a:ext uri="{FF2B5EF4-FFF2-40B4-BE49-F238E27FC236}">
                <a16:creationId xmlns:a16="http://schemas.microsoft.com/office/drawing/2014/main" id="{01B8BF98-C619-3407-C0AA-FF1B81719995}"/>
              </a:ext>
            </a:extLst>
          </p:cNvPr>
          <p:cNvSpPr>
            <a:spLocks noGrp="1"/>
          </p:cNvSpPr>
          <p:nvPr>
            <p:ph type="sldNum" sz="quarter" idx="12"/>
          </p:nvPr>
        </p:nvSpPr>
        <p:spPr/>
        <p:txBody>
          <a:bodyPr/>
          <a:lstStyle/>
          <a:p>
            <a:fld id="{667EC89C-17A0-4E64-A6D2-B825673CEEDF}" type="slidenum">
              <a:rPr lang="da-DK" smtClean="0"/>
              <a:pPr/>
              <a:t>2</a:t>
            </a:fld>
            <a:endParaRPr lang="da-DK" dirty="0"/>
          </a:p>
        </p:txBody>
      </p:sp>
      <p:grpSp>
        <p:nvGrpSpPr>
          <p:cNvPr id="29" name="Gruppe 28">
            <a:extLst>
              <a:ext uri="{FF2B5EF4-FFF2-40B4-BE49-F238E27FC236}">
                <a16:creationId xmlns:a16="http://schemas.microsoft.com/office/drawing/2014/main" id="{0DC815D0-2331-47D5-E373-7009B68D7CF2}"/>
              </a:ext>
            </a:extLst>
          </p:cNvPr>
          <p:cNvGrpSpPr/>
          <p:nvPr/>
        </p:nvGrpSpPr>
        <p:grpSpPr>
          <a:xfrm>
            <a:off x="1483410" y="7222454"/>
            <a:ext cx="5953303" cy="1105034"/>
            <a:chOff x="1003417" y="7884513"/>
            <a:chExt cx="5953303" cy="1105034"/>
          </a:xfrm>
        </p:grpSpPr>
        <p:sp>
          <p:nvSpPr>
            <p:cNvPr id="18" name="Tekstfelt 17">
              <a:extLst>
                <a:ext uri="{FF2B5EF4-FFF2-40B4-BE49-F238E27FC236}">
                  <a16:creationId xmlns:a16="http://schemas.microsoft.com/office/drawing/2014/main" id="{BD631883-0F60-74D2-2388-EEBA9AE6072A}"/>
                </a:ext>
              </a:extLst>
            </p:cNvPr>
            <p:cNvSpPr txBox="1"/>
            <p:nvPr/>
          </p:nvSpPr>
          <p:spPr>
            <a:xfrm>
              <a:off x="1774760" y="8399541"/>
              <a:ext cx="5181960" cy="523220"/>
            </a:xfrm>
            <a:prstGeom prst="rect">
              <a:avLst/>
            </a:prstGeom>
            <a:noFill/>
          </p:spPr>
          <p:txBody>
            <a:bodyPr wrap="square">
              <a:spAutoFit/>
            </a:bodyPr>
            <a:lstStyle/>
            <a:p>
              <a:r>
                <a:rPr lang="da-DK" sz="2800" dirty="0"/>
                <a:t>6 større bygge projekter</a:t>
              </a:r>
            </a:p>
          </p:txBody>
        </p:sp>
        <p:pic>
          <p:nvPicPr>
            <p:cNvPr id="22" name="Billede 21">
              <a:extLst>
                <a:ext uri="{FF2B5EF4-FFF2-40B4-BE49-F238E27FC236}">
                  <a16:creationId xmlns:a16="http://schemas.microsoft.com/office/drawing/2014/main" id="{8C1DC38D-319D-38FC-9B19-AD46D13E6064}"/>
                </a:ext>
              </a:extLst>
            </p:cNvPr>
            <p:cNvPicPr>
              <a:picLocks noChangeAspect="1"/>
            </p:cNvPicPr>
            <p:nvPr/>
          </p:nvPicPr>
          <p:blipFill>
            <a:blip r:embed="rId2"/>
            <a:stretch>
              <a:fillRect/>
            </a:stretch>
          </p:blipFill>
          <p:spPr>
            <a:xfrm>
              <a:off x="1003417" y="7884513"/>
              <a:ext cx="663020" cy="1105034"/>
            </a:xfrm>
            <a:prstGeom prst="rect">
              <a:avLst/>
            </a:prstGeom>
          </p:spPr>
        </p:pic>
      </p:grpSp>
      <p:grpSp>
        <p:nvGrpSpPr>
          <p:cNvPr id="25" name="Gruppe 24">
            <a:extLst>
              <a:ext uri="{FF2B5EF4-FFF2-40B4-BE49-F238E27FC236}">
                <a16:creationId xmlns:a16="http://schemas.microsoft.com/office/drawing/2014/main" id="{08E9C892-517A-5A5F-43D5-1ED2BFBE26AB}"/>
              </a:ext>
            </a:extLst>
          </p:cNvPr>
          <p:cNvGrpSpPr/>
          <p:nvPr/>
        </p:nvGrpSpPr>
        <p:grpSpPr>
          <a:xfrm>
            <a:off x="1483410" y="3937082"/>
            <a:ext cx="10725448" cy="1096264"/>
            <a:chOff x="913630" y="3940369"/>
            <a:chExt cx="10725448" cy="1096264"/>
          </a:xfrm>
        </p:grpSpPr>
        <p:sp>
          <p:nvSpPr>
            <p:cNvPr id="14" name="Tekstfelt 13">
              <a:extLst>
                <a:ext uri="{FF2B5EF4-FFF2-40B4-BE49-F238E27FC236}">
                  <a16:creationId xmlns:a16="http://schemas.microsoft.com/office/drawing/2014/main" id="{B1B81830-C2F3-2BEA-D626-3652E4788705}"/>
                </a:ext>
              </a:extLst>
            </p:cNvPr>
            <p:cNvSpPr txBox="1"/>
            <p:nvPr/>
          </p:nvSpPr>
          <p:spPr>
            <a:xfrm>
              <a:off x="2596840" y="4166550"/>
              <a:ext cx="9042238" cy="523220"/>
            </a:xfrm>
            <a:prstGeom prst="rect">
              <a:avLst/>
            </a:prstGeom>
            <a:noFill/>
          </p:spPr>
          <p:txBody>
            <a:bodyPr wrap="square">
              <a:spAutoFit/>
            </a:bodyPr>
            <a:lstStyle/>
            <a:p>
              <a:r>
                <a:rPr lang="da-DK" sz="2800" dirty="0"/>
                <a:t>Bygger, renoverer og drifter mere end 2 millioner kvadratmeter</a:t>
              </a:r>
            </a:p>
          </p:txBody>
        </p:sp>
        <p:pic>
          <p:nvPicPr>
            <p:cNvPr id="24" name="Billede 23">
              <a:extLst>
                <a:ext uri="{FF2B5EF4-FFF2-40B4-BE49-F238E27FC236}">
                  <a16:creationId xmlns:a16="http://schemas.microsoft.com/office/drawing/2014/main" id="{43BE81D8-008A-604B-3D3E-461F19813E83}"/>
                </a:ext>
              </a:extLst>
            </p:cNvPr>
            <p:cNvPicPr>
              <a:picLocks noChangeAspect="1"/>
            </p:cNvPicPr>
            <p:nvPr/>
          </p:nvPicPr>
          <p:blipFill>
            <a:blip r:embed="rId3">
              <a:clrChange>
                <a:clrFrom>
                  <a:srgbClr val="FFFFFF"/>
                </a:clrFrom>
                <a:clrTo>
                  <a:srgbClr val="FFFFFF">
                    <a:alpha val="0"/>
                  </a:srgbClr>
                </a:clrTo>
              </a:clrChange>
            </a:blip>
            <a:stretch>
              <a:fillRect/>
            </a:stretch>
          </p:blipFill>
          <p:spPr>
            <a:xfrm>
              <a:off x="913630" y="3940369"/>
              <a:ext cx="2779560" cy="1096264"/>
            </a:xfrm>
            <a:prstGeom prst="rect">
              <a:avLst/>
            </a:prstGeom>
          </p:spPr>
        </p:pic>
      </p:grpSp>
      <p:grpSp>
        <p:nvGrpSpPr>
          <p:cNvPr id="28" name="Gruppe 27">
            <a:extLst>
              <a:ext uri="{FF2B5EF4-FFF2-40B4-BE49-F238E27FC236}">
                <a16:creationId xmlns:a16="http://schemas.microsoft.com/office/drawing/2014/main" id="{911652F2-27B0-E3DF-6E8A-97D5AF0B404A}"/>
              </a:ext>
            </a:extLst>
          </p:cNvPr>
          <p:cNvGrpSpPr/>
          <p:nvPr/>
        </p:nvGrpSpPr>
        <p:grpSpPr>
          <a:xfrm>
            <a:off x="1483410" y="5478724"/>
            <a:ext cx="8211774" cy="1133475"/>
            <a:chOff x="1567667" y="6307992"/>
            <a:chExt cx="8211774" cy="1133475"/>
          </a:xfrm>
        </p:grpSpPr>
        <p:sp>
          <p:nvSpPr>
            <p:cNvPr id="17" name="Tekstfelt 16">
              <a:extLst>
                <a:ext uri="{FF2B5EF4-FFF2-40B4-BE49-F238E27FC236}">
                  <a16:creationId xmlns:a16="http://schemas.microsoft.com/office/drawing/2014/main" id="{E4FD924C-225A-9E00-4ADD-257646EBE712}"/>
                </a:ext>
              </a:extLst>
            </p:cNvPr>
            <p:cNvSpPr txBox="1"/>
            <p:nvPr/>
          </p:nvSpPr>
          <p:spPr>
            <a:xfrm>
              <a:off x="1567667" y="6918247"/>
              <a:ext cx="7982176" cy="523220"/>
            </a:xfrm>
            <a:prstGeom prst="rect">
              <a:avLst/>
            </a:prstGeom>
            <a:noFill/>
          </p:spPr>
          <p:txBody>
            <a:bodyPr wrap="square">
              <a:spAutoFit/>
            </a:bodyPr>
            <a:lstStyle/>
            <a:p>
              <a:r>
                <a:rPr lang="da-DK" sz="2800" dirty="0"/>
                <a:t>Ca. 500 renoverings- og driftsprojekter om året</a:t>
              </a:r>
            </a:p>
          </p:txBody>
        </p:sp>
        <p:pic>
          <p:nvPicPr>
            <p:cNvPr id="27" name="Billede 26">
              <a:extLst>
                <a:ext uri="{FF2B5EF4-FFF2-40B4-BE49-F238E27FC236}">
                  <a16:creationId xmlns:a16="http://schemas.microsoft.com/office/drawing/2014/main" id="{50E2A88F-54CB-337E-89E9-3203071C59C3}"/>
                </a:ext>
              </a:extLst>
            </p:cNvPr>
            <p:cNvPicPr>
              <a:picLocks noChangeAspect="1"/>
            </p:cNvPicPr>
            <p:nvPr/>
          </p:nvPicPr>
          <p:blipFill>
            <a:blip r:embed="rId4">
              <a:clrChange>
                <a:clrFrom>
                  <a:srgbClr val="FFFFFF"/>
                </a:clrFrom>
                <a:clrTo>
                  <a:srgbClr val="FFFFFF">
                    <a:alpha val="0"/>
                  </a:srgbClr>
                </a:clrTo>
              </a:clrChange>
            </a:blip>
            <a:stretch>
              <a:fillRect/>
            </a:stretch>
          </p:blipFill>
          <p:spPr>
            <a:xfrm>
              <a:off x="7760141" y="6307992"/>
              <a:ext cx="2019300" cy="1133475"/>
            </a:xfrm>
            <a:prstGeom prst="rect">
              <a:avLst/>
            </a:prstGeom>
          </p:spPr>
        </p:pic>
      </p:grpSp>
      <p:pic>
        <p:nvPicPr>
          <p:cNvPr id="30" name="Billede 29">
            <a:extLst>
              <a:ext uri="{FF2B5EF4-FFF2-40B4-BE49-F238E27FC236}">
                <a16:creationId xmlns:a16="http://schemas.microsoft.com/office/drawing/2014/main" id="{3D638A9E-9657-FF37-E7AA-03E01F577684}"/>
              </a:ext>
            </a:extLst>
          </p:cNvPr>
          <p:cNvPicPr>
            <a:picLocks noChangeAspect="1"/>
          </p:cNvPicPr>
          <p:nvPr/>
        </p:nvPicPr>
        <p:blipFill>
          <a:blip r:embed="rId5">
            <a:clrChange>
              <a:clrFrom>
                <a:srgbClr val="FFFFFF"/>
              </a:clrFrom>
              <a:clrTo>
                <a:srgbClr val="FFFFFF">
                  <a:alpha val="0"/>
                </a:srgbClr>
              </a:clrTo>
            </a:clrChange>
          </a:blip>
          <a:stretch>
            <a:fillRect/>
          </a:stretch>
        </p:blipFill>
        <p:spPr>
          <a:xfrm>
            <a:off x="619594" y="239843"/>
            <a:ext cx="750778" cy="674557"/>
          </a:xfrm>
          <a:prstGeom prst="rect">
            <a:avLst/>
          </a:prstGeom>
        </p:spPr>
      </p:pic>
      <p:grpSp>
        <p:nvGrpSpPr>
          <p:cNvPr id="2" name="Gruppe 1">
            <a:extLst>
              <a:ext uri="{FF2B5EF4-FFF2-40B4-BE49-F238E27FC236}">
                <a16:creationId xmlns:a16="http://schemas.microsoft.com/office/drawing/2014/main" id="{F79283EE-D160-92E1-C313-9F1350C46A9F}"/>
              </a:ext>
            </a:extLst>
          </p:cNvPr>
          <p:cNvGrpSpPr/>
          <p:nvPr/>
        </p:nvGrpSpPr>
        <p:grpSpPr>
          <a:xfrm>
            <a:off x="1436093" y="2457772"/>
            <a:ext cx="3373227" cy="913250"/>
            <a:chOff x="3026145" y="2578455"/>
            <a:chExt cx="3373227" cy="913250"/>
          </a:xfrm>
        </p:grpSpPr>
        <p:sp>
          <p:nvSpPr>
            <p:cNvPr id="10" name="Tekstfelt 9">
              <a:extLst>
                <a:ext uri="{FF2B5EF4-FFF2-40B4-BE49-F238E27FC236}">
                  <a16:creationId xmlns:a16="http://schemas.microsoft.com/office/drawing/2014/main" id="{204542FC-43D7-DF03-168C-7790CD547A70}"/>
                </a:ext>
              </a:extLst>
            </p:cNvPr>
            <p:cNvSpPr txBox="1"/>
            <p:nvPr/>
          </p:nvSpPr>
          <p:spPr>
            <a:xfrm>
              <a:off x="3026145" y="2879651"/>
              <a:ext cx="2539769" cy="523220"/>
            </a:xfrm>
            <a:prstGeom prst="rect">
              <a:avLst/>
            </a:prstGeom>
            <a:noFill/>
          </p:spPr>
          <p:txBody>
            <a:bodyPr wrap="square">
              <a:spAutoFit/>
            </a:bodyPr>
            <a:lstStyle/>
            <a:p>
              <a:r>
                <a:rPr lang="da-DK" sz="2800" dirty="0">
                  <a:solidFill>
                    <a:srgbClr val="286E3C"/>
                  </a:solidFill>
                </a:rPr>
                <a:t>Etableret i 2017</a:t>
              </a:r>
            </a:p>
          </p:txBody>
        </p:sp>
        <p:pic>
          <p:nvPicPr>
            <p:cNvPr id="31" name="Billede 30">
              <a:extLst>
                <a:ext uri="{FF2B5EF4-FFF2-40B4-BE49-F238E27FC236}">
                  <a16:creationId xmlns:a16="http://schemas.microsoft.com/office/drawing/2014/main" id="{A991AC3A-5DB6-5698-8BA7-D21C3BFBD72D}"/>
                </a:ext>
              </a:extLst>
            </p:cNvPr>
            <p:cNvPicPr>
              <a:picLocks noChangeAspect="1"/>
            </p:cNvPicPr>
            <p:nvPr/>
          </p:nvPicPr>
          <p:blipFill rotWithShape="1">
            <a:blip r:embed="rId6">
              <a:clrChange>
                <a:clrFrom>
                  <a:srgbClr val="FFFFFF"/>
                </a:clrFrom>
                <a:clrTo>
                  <a:srgbClr val="FFFFFF">
                    <a:alpha val="0"/>
                  </a:srgbClr>
                </a:clrTo>
              </a:clrChange>
            </a:blip>
            <a:srcRect l="15200" t="15697" r="14940" b="23164"/>
            <a:stretch/>
          </p:blipFill>
          <p:spPr>
            <a:xfrm>
              <a:off x="5355827" y="2578455"/>
              <a:ext cx="1043545" cy="913250"/>
            </a:xfrm>
            <a:prstGeom prst="rect">
              <a:avLst/>
            </a:prstGeom>
          </p:spPr>
        </p:pic>
      </p:grpSp>
      <p:pic>
        <p:nvPicPr>
          <p:cNvPr id="5" name="Picture 2" descr="Søgning i forespørgsel i sidepanelet">
            <a:extLst>
              <a:ext uri="{FF2B5EF4-FFF2-40B4-BE49-F238E27FC236}">
                <a16:creationId xmlns:a16="http://schemas.microsoft.com/office/drawing/2014/main" id="{6AE3B1EB-5BA4-1A19-06DB-3C1692EBE966}"/>
              </a:ext>
            </a:extLst>
          </p:cNvPr>
          <p:cNvPicPr>
            <a:picLocks noChangeAspect="1" noChangeArrowheads="1"/>
          </p:cNvPicPr>
          <p:nvPr/>
        </p:nvPicPr>
        <p:blipFill>
          <a:blip r:embed="rId7" cstate="print">
            <a:extLst>
              <a:ext uri="{28A0092B-C50C-407E-A947-70E740481C1C}">
                <a14:useLocalDpi xmlns:a14="http://schemas.microsoft.com/office/drawing/2010/main" val="0"/>
              </a:ext>
            </a:extLst>
          </a:blip>
          <a:srcRect/>
          <a:stretch>
            <a:fillRect/>
          </a:stretch>
        </p:blipFill>
        <p:spPr bwMode="auto">
          <a:xfrm>
            <a:off x="10958103" y="239843"/>
            <a:ext cx="5722419" cy="3062390"/>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4076054062"/>
      </p:ext>
    </p:extLst>
  </p:cSld>
  <p:clrMapOvr>
    <a:masterClrMapping/>
  </p:clrMapOvr>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Pladsholder til tekst 2">
            <a:extLst>
              <a:ext uri="{FF2B5EF4-FFF2-40B4-BE49-F238E27FC236}">
                <a16:creationId xmlns:a16="http://schemas.microsoft.com/office/drawing/2014/main" id="{5839CF43-96C6-7AA0-FFAA-15DA564EEC17}"/>
              </a:ext>
            </a:extLst>
          </p:cNvPr>
          <p:cNvSpPr>
            <a:spLocks noGrp="1"/>
          </p:cNvSpPr>
          <p:nvPr>
            <p:ph type="body" sz="quarter" idx="17"/>
          </p:nvPr>
        </p:nvSpPr>
        <p:spPr>
          <a:xfrm>
            <a:off x="1260044" y="927472"/>
            <a:ext cx="9536192" cy="758780"/>
          </a:xfrm>
        </p:spPr>
        <p:txBody>
          <a:bodyPr/>
          <a:lstStyle/>
          <a:p>
            <a:r>
              <a:rPr lang="da-DK" dirty="0"/>
              <a:t>Logisk</a:t>
            </a:r>
          </a:p>
        </p:txBody>
      </p:sp>
      <p:sp>
        <p:nvSpPr>
          <p:cNvPr id="4" name="Pladsholder til slidenummer 3">
            <a:extLst>
              <a:ext uri="{FF2B5EF4-FFF2-40B4-BE49-F238E27FC236}">
                <a16:creationId xmlns:a16="http://schemas.microsoft.com/office/drawing/2014/main" id="{9AB5B972-BC40-AF7E-8FA4-8CF0AB2290CE}"/>
              </a:ext>
            </a:extLst>
          </p:cNvPr>
          <p:cNvSpPr>
            <a:spLocks noGrp="1"/>
          </p:cNvSpPr>
          <p:nvPr>
            <p:ph type="sldNum" sz="quarter" idx="12"/>
          </p:nvPr>
        </p:nvSpPr>
        <p:spPr/>
        <p:txBody>
          <a:bodyPr/>
          <a:lstStyle/>
          <a:p>
            <a:fld id="{667EC89C-17A0-4E64-A6D2-B825673CEEDF}" type="slidenum">
              <a:rPr lang="da-DK" smtClean="0"/>
              <a:pPr/>
              <a:t>20</a:t>
            </a:fld>
            <a:endParaRPr lang="da-DK" dirty="0"/>
          </a:p>
        </p:txBody>
      </p:sp>
      <p:pic>
        <p:nvPicPr>
          <p:cNvPr id="12" name="Billede 11">
            <a:extLst>
              <a:ext uri="{FF2B5EF4-FFF2-40B4-BE49-F238E27FC236}">
                <a16:creationId xmlns:a16="http://schemas.microsoft.com/office/drawing/2014/main" id="{4623E23A-95A4-2345-986A-0D98BEC942C4}"/>
              </a:ext>
            </a:extLst>
          </p:cNvPr>
          <p:cNvPicPr>
            <a:picLocks noChangeAspect="1"/>
          </p:cNvPicPr>
          <p:nvPr/>
        </p:nvPicPr>
        <p:blipFill rotWithShape="1">
          <a:blip r:embed="rId2"/>
          <a:srcRect r="4043"/>
          <a:stretch/>
        </p:blipFill>
        <p:spPr>
          <a:xfrm>
            <a:off x="771811" y="2836108"/>
            <a:ext cx="15525177" cy="3928984"/>
          </a:xfrm>
          <a:prstGeom prst="rect">
            <a:avLst/>
          </a:prstGeom>
        </p:spPr>
      </p:pic>
      <p:pic>
        <p:nvPicPr>
          <p:cNvPr id="13" name="Billede 12">
            <a:extLst>
              <a:ext uri="{FF2B5EF4-FFF2-40B4-BE49-F238E27FC236}">
                <a16:creationId xmlns:a16="http://schemas.microsoft.com/office/drawing/2014/main" id="{AC1F31B7-B653-C114-2F25-5BD37BBBD1AC}"/>
              </a:ext>
            </a:extLst>
          </p:cNvPr>
          <p:cNvPicPr>
            <a:picLocks noChangeAspect="1"/>
          </p:cNvPicPr>
          <p:nvPr/>
        </p:nvPicPr>
        <p:blipFill>
          <a:blip r:embed="rId3">
            <a:clrChange>
              <a:clrFrom>
                <a:srgbClr val="FFFFFF"/>
              </a:clrFrom>
              <a:clrTo>
                <a:srgbClr val="FFFFFF">
                  <a:alpha val="0"/>
                </a:srgbClr>
              </a:clrTo>
            </a:clrChange>
          </a:blip>
          <a:stretch>
            <a:fillRect/>
          </a:stretch>
        </p:blipFill>
        <p:spPr>
          <a:xfrm>
            <a:off x="619594" y="239843"/>
            <a:ext cx="750778" cy="674557"/>
          </a:xfrm>
          <a:prstGeom prst="rect">
            <a:avLst/>
          </a:prstGeom>
        </p:spPr>
      </p:pic>
    </p:spTree>
    <p:extLst>
      <p:ext uri="{BB962C8B-B14F-4D97-AF65-F5344CB8AC3E}">
        <p14:creationId xmlns:p14="http://schemas.microsoft.com/office/powerpoint/2010/main" val="1083784122"/>
      </p:ext>
    </p:extLst>
  </p:cSld>
  <p:clrMapOvr>
    <a:masterClrMapping/>
  </p:clrMapOvr>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0" name="Pladsholder til slidenummer 9">
            <a:extLst>
              <a:ext uri="{FF2B5EF4-FFF2-40B4-BE49-F238E27FC236}">
                <a16:creationId xmlns:a16="http://schemas.microsoft.com/office/drawing/2014/main" id="{BD58BFBA-6F0E-221D-E6E0-C1EEF04A8828}"/>
              </a:ext>
            </a:extLst>
          </p:cNvPr>
          <p:cNvSpPr>
            <a:spLocks noGrp="1"/>
          </p:cNvSpPr>
          <p:nvPr>
            <p:ph type="sldNum" sz="quarter" idx="12"/>
          </p:nvPr>
        </p:nvSpPr>
        <p:spPr/>
        <p:txBody>
          <a:bodyPr/>
          <a:lstStyle/>
          <a:p>
            <a:fld id="{667EC89C-17A0-4E64-A6D2-B825673CEEDF}" type="slidenum">
              <a:rPr lang="da-DK" smtClean="0"/>
              <a:pPr/>
              <a:t>21</a:t>
            </a:fld>
            <a:endParaRPr lang="da-DK" dirty="0"/>
          </a:p>
        </p:txBody>
      </p:sp>
      <p:sp>
        <p:nvSpPr>
          <p:cNvPr id="11" name="Pladsholder til tekst 10">
            <a:extLst>
              <a:ext uri="{FF2B5EF4-FFF2-40B4-BE49-F238E27FC236}">
                <a16:creationId xmlns:a16="http://schemas.microsoft.com/office/drawing/2014/main" id="{1C7781B6-6183-9BC3-472A-BD1091131A5B}"/>
              </a:ext>
            </a:extLst>
          </p:cNvPr>
          <p:cNvSpPr>
            <a:spLocks noGrp="1"/>
          </p:cNvSpPr>
          <p:nvPr>
            <p:ph type="body" sz="quarter" idx="25"/>
          </p:nvPr>
        </p:nvSpPr>
        <p:spPr>
          <a:xfrm>
            <a:off x="1353313" y="1118598"/>
            <a:ext cx="9536192" cy="705568"/>
          </a:xfrm>
        </p:spPr>
        <p:txBody>
          <a:bodyPr/>
          <a:lstStyle/>
          <a:p>
            <a:r>
              <a:rPr lang="da-DK" dirty="0"/>
              <a:t>Bæredygtigt</a:t>
            </a:r>
          </a:p>
        </p:txBody>
      </p:sp>
      <p:pic>
        <p:nvPicPr>
          <p:cNvPr id="26" name="Billede 25">
            <a:extLst>
              <a:ext uri="{FF2B5EF4-FFF2-40B4-BE49-F238E27FC236}">
                <a16:creationId xmlns:a16="http://schemas.microsoft.com/office/drawing/2014/main" id="{8059460A-7162-3212-F509-B5C62962DA5C}"/>
              </a:ext>
            </a:extLst>
          </p:cNvPr>
          <p:cNvPicPr>
            <a:picLocks noChangeAspect="1"/>
          </p:cNvPicPr>
          <p:nvPr/>
        </p:nvPicPr>
        <p:blipFill>
          <a:blip r:embed="rId2">
            <a:clrChange>
              <a:clrFrom>
                <a:srgbClr val="FFFFFF"/>
              </a:clrFrom>
              <a:clrTo>
                <a:srgbClr val="FFFFFF">
                  <a:alpha val="0"/>
                </a:srgbClr>
              </a:clrTo>
            </a:clrChange>
          </a:blip>
          <a:stretch>
            <a:fillRect/>
          </a:stretch>
        </p:blipFill>
        <p:spPr>
          <a:xfrm>
            <a:off x="421620" y="869431"/>
            <a:ext cx="16440714" cy="8111383"/>
          </a:xfrm>
          <a:prstGeom prst="rect">
            <a:avLst/>
          </a:prstGeom>
        </p:spPr>
      </p:pic>
      <p:pic>
        <p:nvPicPr>
          <p:cNvPr id="2" name="Billede 1">
            <a:extLst>
              <a:ext uri="{FF2B5EF4-FFF2-40B4-BE49-F238E27FC236}">
                <a16:creationId xmlns:a16="http://schemas.microsoft.com/office/drawing/2014/main" id="{F667934C-62D9-364E-4EB1-24D5169C2291}"/>
              </a:ext>
            </a:extLst>
          </p:cNvPr>
          <p:cNvPicPr>
            <a:picLocks noChangeAspect="1"/>
          </p:cNvPicPr>
          <p:nvPr/>
        </p:nvPicPr>
        <p:blipFill>
          <a:blip r:embed="rId3">
            <a:clrChange>
              <a:clrFrom>
                <a:srgbClr val="FFFFFF"/>
              </a:clrFrom>
              <a:clrTo>
                <a:srgbClr val="FFFFFF">
                  <a:alpha val="0"/>
                </a:srgbClr>
              </a:clrTo>
            </a:clrChange>
          </a:blip>
          <a:stretch>
            <a:fillRect/>
          </a:stretch>
        </p:blipFill>
        <p:spPr>
          <a:xfrm>
            <a:off x="619594" y="239843"/>
            <a:ext cx="750778" cy="674557"/>
          </a:xfrm>
          <a:prstGeom prst="rect">
            <a:avLst/>
          </a:prstGeom>
        </p:spPr>
      </p:pic>
    </p:spTree>
    <p:extLst>
      <p:ext uri="{BB962C8B-B14F-4D97-AF65-F5344CB8AC3E}">
        <p14:creationId xmlns:p14="http://schemas.microsoft.com/office/powerpoint/2010/main" val="2707322674"/>
      </p:ext>
    </p:extLst>
  </p:cSld>
  <p:clrMapOvr>
    <a:masterClrMapping/>
  </p:clrMapOvr>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5" name="Pladsholder til billede 8" descr="Et billede, der indeholder plante, Hylder/reoler, hylde, design&#10;&#10;Automatisk genereret beskrivelse">
            <a:extLst>
              <a:ext uri="{FF2B5EF4-FFF2-40B4-BE49-F238E27FC236}">
                <a16:creationId xmlns:a16="http://schemas.microsoft.com/office/drawing/2014/main" id="{5AA00DC3-3651-E2D0-8B91-311EECE40509}"/>
              </a:ext>
            </a:extLst>
          </p:cNvPr>
          <p:cNvPicPr>
            <a:picLocks noChangeAspect="1"/>
          </p:cNvPicPr>
          <p:nvPr/>
        </p:nvPicPr>
        <p:blipFill rotWithShape="1">
          <a:blip r:embed="rId2"/>
          <a:srcRect t="24553" r="1" b="5737"/>
          <a:stretch/>
        </p:blipFill>
        <p:spPr>
          <a:xfrm>
            <a:off x="11077508" y="10"/>
            <a:ext cx="5991292" cy="9601190"/>
          </a:xfrm>
          <a:prstGeom prst="rect">
            <a:avLst/>
          </a:prstGeom>
          <a:noFill/>
        </p:spPr>
      </p:pic>
      <p:sp>
        <p:nvSpPr>
          <p:cNvPr id="14" name="Text Placeholder 2">
            <a:extLst>
              <a:ext uri="{FF2B5EF4-FFF2-40B4-BE49-F238E27FC236}">
                <a16:creationId xmlns:a16="http://schemas.microsoft.com/office/drawing/2014/main" id="{B853BE9C-2C00-EF89-7E7A-C89A64549986}"/>
              </a:ext>
            </a:extLst>
          </p:cNvPr>
          <p:cNvSpPr>
            <a:spLocks noGrp="1"/>
          </p:cNvSpPr>
          <p:nvPr>
            <p:ph type="body" sz="quarter" idx="15"/>
          </p:nvPr>
        </p:nvSpPr>
        <p:spPr>
          <a:xfrm>
            <a:off x="1342176" y="3981093"/>
            <a:ext cx="5490732" cy="819507"/>
          </a:xfrm>
        </p:spPr>
        <p:txBody>
          <a:bodyPr>
            <a:normAutofit/>
          </a:bodyPr>
          <a:lstStyle/>
          <a:p>
            <a:r>
              <a:rPr lang="da-DK" dirty="0"/>
              <a:t>Hvordan det går?</a:t>
            </a:r>
          </a:p>
        </p:txBody>
      </p:sp>
      <p:sp>
        <p:nvSpPr>
          <p:cNvPr id="4" name="Pladsholder til slidenummer 3" hidden="1">
            <a:extLst>
              <a:ext uri="{FF2B5EF4-FFF2-40B4-BE49-F238E27FC236}">
                <a16:creationId xmlns:a16="http://schemas.microsoft.com/office/drawing/2014/main" id="{BD22EFB6-78E1-8612-21BC-EE2933CAC8B8}"/>
              </a:ext>
            </a:extLst>
          </p:cNvPr>
          <p:cNvSpPr>
            <a:spLocks noGrp="1"/>
          </p:cNvSpPr>
          <p:nvPr>
            <p:ph type="sldNum" sz="quarter" idx="4294967295"/>
          </p:nvPr>
        </p:nvSpPr>
        <p:spPr>
          <a:xfrm>
            <a:off x="13462611" y="8980814"/>
            <a:ext cx="721755" cy="499617"/>
          </a:xfrm>
          <a:prstGeom prst="rect">
            <a:avLst/>
          </a:prstGeom>
        </p:spPr>
        <p:txBody>
          <a:bodyPr/>
          <a:lstStyle/>
          <a:p>
            <a:pPr>
              <a:spcAft>
                <a:spcPts val="600"/>
              </a:spcAft>
            </a:pPr>
            <a:fld id="{667EC89C-17A0-4E64-A6D2-B825673CEEDF}" type="slidenum">
              <a:rPr lang="da-DK" smtClean="0"/>
              <a:pPr>
                <a:spcAft>
                  <a:spcPts val="600"/>
                </a:spcAft>
              </a:pPr>
              <a:t>22</a:t>
            </a:fld>
            <a:endParaRPr lang="da-DK"/>
          </a:p>
        </p:txBody>
      </p:sp>
      <p:pic>
        <p:nvPicPr>
          <p:cNvPr id="2" name="Billede 1">
            <a:extLst>
              <a:ext uri="{FF2B5EF4-FFF2-40B4-BE49-F238E27FC236}">
                <a16:creationId xmlns:a16="http://schemas.microsoft.com/office/drawing/2014/main" id="{9FFA8FD8-AC04-33B8-8AB1-447CA53046B2}"/>
              </a:ext>
            </a:extLst>
          </p:cNvPr>
          <p:cNvPicPr>
            <a:picLocks noChangeAspect="1"/>
          </p:cNvPicPr>
          <p:nvPr/>
        </p:nvPicPr>
        <p:blipFill>
          <a:blip r:embed="rId3">
            <a:clrChange>
              <a:clrFrom>
                <a:srgbClr val="FFFFFF"/>
              </a:clrFrom>
              <a:clrTo>
                <a:srgbClr val="FFFFFF">
                  <a:alpha val="0"/>
                </a:srgbClr>
              </a:clrTo>
            </a:clrChange>
          </a:blip>
          <a:stretch>
            <a:fillRect/>
          </a:stretch>
        </p:blipFill>
        <p:spPr>
          <a:xfrm>
            <a:off x="619594" y="239843"/>
            <a:ext cx="750778" cy="674557"/>
          </a:xfrm>
          <a:prstGeom prst="rect">
            <a:avLst/>
          </a:prstGeom>
        </p:spPr>
      </p:pic>
    </p:spTree>
    <p:extLst>
      <p:ext uri="{BB962C8B-B14F-4D97-AF65-F5344CB8AC3E}">
        <p14:creationId xmlns:p14="http://schemas.microsoft.com/office/powerpoint/2010/main" val="1159345560"/>
      </p:ext>
    </p:extLst>
  </p:cSld>
  <p:clrMapOvr>
    <a:masterClrMapping/>
  </p:clrMapOvr>
</p:sld>
</file>

<file path=ppt/slides/slide2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indhold 1">
            <a:extLst>
              <a:ext uri="{FF2B5EF4-FFF2-40B4-BE49-F238E27FC236}">
                <a16:creationId xmlns:a16="http://schemas.microsoft.com/office/drawing/2014/main" id="{82F9433A-4DB7-5694-44F6-AEEF6636E0CF}"/>
              </a:ext>
            </a:extLst>
          </p:cNvPr>
          <p:cNvSpPr>
            <a:spLocks noGrp="1"/>
          </p:cNvSpPr>
          <p:nvPr>
            <p:ph sz="quarter" idx="13"/>
          </p:nvPr>
        </p:nvSpPr>
        <p:spPr>
          <a:xfrm>
            <a:off x="1260427" y="2982426"/>
            <a:ext cx="11105733" cy="4838400"/>
          </a:xfrm>
        </p:spPr>
        <p:txBody>
          <a:bodyPr>
            <a:normAutofit/>
          </a:bodyPr>
          <a:lstStyle/>
          <a:p>
            <a:pPr>
              <a:lnSpc>
                <a:spcPct val="150000"/>
              </a:lnSpc>
              <a:buSzPct val="90000"/>
            </a:pPr>
            <a:r>
              <a:rPr lang="da-DK" sz="2800" dirty="0"/>
              <a:t>Råhuset nærmer sig at stå færdig</a:t>
            </a:r>
          </a:p>
          <a:p>
            <a:pPr>
              <a:lnSpc>
                <a:spcPct val="150000"/>
              </a:lnSpc>
              <a:buSzPct val="90000"/>
            </a:pPr>
            <a:r>
              <a:rPr lang="da-DK" sz="2800" dirty="0"/>
              <a:t>Løbende statusmøder med entreprenører </a:t>
            </a:r>
          </a:p>
          <a:p>
            <a:pPr>
              <a:lnSpc>
                <a:spcPct val="150000"/>
              </a:lnSpc>
              <a:buSzPct val="90000"/>
            </a:pPr>
            <a:r>
              <a:rPr lang="da-DK" sz="2800" dirty="0"/>
              <a:t>Løbende analyse og status på miljøkrav og anvendte materialer</a:t>
            </a:r>
          </a:p>
          <a:p>
            <a:pPr>
              <a:lnSpc>
                <a:spcPct val="150000"/>
              </a:lnSpc>
              <a:buSzPct val="90000"/>
            </a:pPr>
            <a:r>
              <a:rPr lang="da-DK" sz="2800" dirty="0"/>
              <a:t>Indsamling af data om energiforbrug og affaldsmængder fra byggepladsen</a:t>
            </a:r>
          </a:p>
          <a:p>
            <a:pPr>
              <a:lnSpc>
                <a:spcPct val="150000"/>
              </a:lnSpc>
              <a:buSzPct val="90000"/>
            </a:pPr>
            <a:r>
              <a:rPr lang="da-DK" sz="2800" dirty="0"/>
              <a:t>Fokus på byggepladsarbejdsmiljø</a:t>
            </a:r>
          </a:p>
          <a:p>
            <a:pPr>
              <a:lnSpc>
                <a:spcPct val="150000"/>
              </a:lnSpc>
              <a:buSzPct val="90000"/>
            </a:pPr>
            <a:r>
              <a:rPr lang="da-DK" sz="2800" dirty="0"/>
              <a:t>Dokumentation og analyser</a:t>
            </a:r>
          </a:p>
        </p:txBody>
      </p:sp>
      <p:sp>
        <p:nvSpPr>
          <p:cNvPr id="3" name="Pladsholder til tekst 2">
            <a:extLst>
              <a:ext uri="{FF2B5EF4-FFF2-40B4-BE49-F238E27FC236}">
                <a16:creationId xmlns:a16="http://schemas.microsoft.com/office/drawing/2014/main" id="{1CCC06C6-4C7F-0304-8777-8C44B9F9BF7A}"/>
              </a:ext>
            </a:extLst>
          </p:cNvPr>
          <p:cNvSpPr>
            <a:spLocks noGrp="1"/>
          </p:cNvSpPr>
          <p:nvPr>
            <p:ph type="body" sz="quarter" idx="17"/>
          </p:nvPr>
        </p:nvSpPr>
        <p:spPr/>
        <p:txBody>
          <a:bodyPr/>
          <a:lstStyle/>
          <a:p>
            <a:r>
              <a:rPr lang="da-DK" dirty="0"/>
              <a:t>Status</a:t>
            </a:r>
          </a:p>
        </p:txBody>
      </p:sp>
      <p:sp>
        <p:nvSpPr>
          <p:cNvPr id="4" name="Pladsholder til slidenummer 3">
            <a:extLst>
              <a:ext uri="{FF2B5EF4-FFF2-40B4-BE49-F238E27FC236}">
                <a16:creationId xmlns:a16="http://schemas.microsoft.com/office/drawing/2014/main" id="{EA34B5DD-330D-9CDB-51D1-EE3CAE71D018}"/>
              </a:ext>
            </a:extLst>
          </p:cNvPr>
          <p:cNvSpPr>
            <a:spLocks noGrp="1"/>
          </p:cNvSpPr>
          <p:nvPr>
            <p:ph type="sldNum" sz="quarter" idx="12"/>
          </p:nvPr>
        </p:nvSpPr>
        <p:spPr/>
        <p:txBody>
          <a:bodyPr/>
          <a:lstStyle/>
          <a:p>
            <a:fld id="{667EC89C-17A0-4E64-A6D2-B825673CEEDF}" type="slidenum">
              <a:rPr lang="da-DK" smtClean="0"/>
              <a:pPr/>
              <a:t>23</a:t>
            </a:fld>
            <a:endParaRPr lang="da-DK" dirty="0"/>
          </a:p>
        </p:txBody>
      </p:sp>
      <p:pic>
        <p:nvPicPr>
          <p:cNvPr id="6" name="Billede 5">
            <a:extLst>
              <a:ext uri="{FF2B5EF4-FFF2-40B4-BE49-F238E27FC236}">
                <a16:creationId xmlns:a16="http://schemas.microsoft.com/office/drawing/2014/main" id="{702BE4CA-7FD2-2AE6-595B-CD63DA136C05}"/>
              </a:ext>
            </a:extLst>
          </p:cNvPr>
          <p:cNvPicPr>
            <a:picLocks noChangeAspect="1"/>
          </p:cNvPicPr>
          <p:nvPr/>
        </p:nvPicPr>
        <p:blipFill>
          <a:blip r:embed="rId2">
            <a:clrChange>
              <a:clrFrom>
                <a:srgbClr val="FFFFFF"/>
              </a:clrFrom>
              <a:clrTo>
                <a:srgbClr val="FFFFFF">
                  <a:alpha val="0"/>
                </a:srgbClr>
              </a:clrTo>
            </a:clrChange>
          </a:blip>
          <a:stretch>
            <a:fillRect/>
          </a:stretch>
        </p:blipFill>
        <p:spPr>
          <a:xfrm>
            <a:off x="619594" y="239843"/>
            <a:ext cx="750778" cy="674557"/>
          </a:xfrm>
          <a:prstGeom prst="rect">
            <a:avLst/>
          </a:prstGeom>
        </p:spPr>
      </p:pic>
    </p:spTree>
    <p:extLst>
      <p:ext uri="{BB962C8B-B14F-4D97-AF65-F5344CB8AC3E}">
        <p14:creationId xmlns:p14="http://schemas.microsoft.com/office/powerpoint/2010/main" val="707394869"/>
      </p:ext>
    </p:extLst>
  </p:cSld>
  <p:clrMapOvr>
    <a:masterClrMapping/>
  </p:clrMapOvr>
</p:sld>
</file>

<file path=ppt/slides/slide2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Pladsholder til tekst 2">
            <a:extLst>
              <a:ext uri="{FF2B5EF4-FFF2-40B4-BE49-F238E27FC236}">
                <a16:creationId xmlns:a16="http://schemas.microsoft.com/office/drawing/2014/main" id="{090276B4-AFBB-5C44-F20D-EBAF199D2BF6}"/>
              </a:ext>
            </a:extLst>
          </p:cNvPr>
          <p:cNvSpPr>
            <a:spLocks noGrp="1"/>
          </p:cNvSpPr>
          <p:nvPr>
            <p:ph type="body" sz="quarter" idx="17"/>
          </p:nvPr>
        </p:nvSpPr>
        <p:spPr>
          <a:xfrm>
            <a:off x="1325070" y="811719"/>
            <a:ext cx="9536192" cy="825291"/>
          </a:xfrm>
        </p:spPr>
        <p:txBody>
          <a:bodyPr/>
          <a:lstStyle/>
          <a:p>
            <a:r>
              <a:rPr lang="da-DK" dirty="0"/>
              <a:t>Ventilationsanlæg flytter ind</a:t>
            </a:r>
          </a:p>
        </p:txBody>
      </p:sp>
      <p:sp>
        <p:nvSpPr>
          <p:cNvPr id="4" name="Pladsholder til slidenummer 3">
            <a:extLst>
              <a:ext uri="{FF2B5EF4-FFF2-40B4-BE49-F238E27FC236}">
                <a16:creationId xmlns:a16="http://schemas.microsoft.com/office/drawing/2014/main" id="{57102328-66AF-DC3C-FF01-21EF3463A646}"/>
              </a:ext>
            </a:extLst>
          </p:cNvPr>
          <p:cNvSpPr>
            <a:spLocks noGrp="1"/>
          </p:cNvSpPr>
          <p:nvPr>
            <p:ph type="sldNum" sz="quarter" idx="12"/>
          </p:nvPr>
        </p:nvSpPr>
        <p:spPr/>
        <p:txBody>
          <a:bodyPr/>
          <a:lstStyle/>
          <a:p>
            <a:fld id="{667EC89C-17A0-4E64-A6D2-B825673CEEDF}" type="slidenum">
              <a:rPr lang="da-DK" smtClean="0"/>
              <a:pPr/>
              <a:t>24</a:t>
            </a:fld>
            <a:endParaRPr lang="da-DK" dirty="0"/>
          </a:p>
        </p:txBody>
      </p:sp>
      <p:grpSp>
        <p:nvGrpSpPr>
          <p:cNvPr id="6" name="Gruppe 5">
            <a:extLst>
              <a:ext uri="{FF2B5EF4-FFF2-40B4-BE49-F238E27FC236}">
                <a16:creationId xmlns:a16="http://schemas.microsoft.com/office/drawing/2014/main" id="{CABCE191-ED30-A163-BD77-4FC53BD18AAD}"/>
              </a:ext>
            </a:extLst>
          </p:cNvPr>
          <p:cNvGrpSpPr/>
          <p:nvPr/>
        </p:nvGrpSpPr>
        <p:grpSpPr>
          <a:xfrm>
            <a:off x="1439564" y="1902606"/>
            <a:ext cx="10101993" cy="7078208"/>
            <a:chOff x="580803" y="2064129"/>
            <a:chExt cx="10741933" cy="7577825"/>
          </a:xfrm>
        </p:grpSpPr>
        <p:pic>
          <p:nvPicPr>
            <p:cNvPr id="2052" name="Picture 4" descr="No alt text provided for this image">
              <a:extLst>
                <a:ext uri="{FF2B5EF4-FFF2-40B4-BE49-F238E27FC236}">
                  <a16:creationId xmlns:a16="http://schemas.microsoft.com/office/drawing/2014/main" id="{62D164E3-6FBE-EE86-896B-FD4FA3585D7E}"/>
                </a:ext>
              </a:extLst>
            </p:cNvPr>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5632379" y="2064129"/>
              <a:ext cx="5690357" cy="7577825"/>
            </a:xfrm>
            <a:prstGeom prst="rect">
              <a:avLst/>
            </a:prstGeom>
            <a:noFill/>
            <a:extLst>
              <a:ext uri="{909E8E84-426E-40DD-AFC4-6F175D3DCCD1}">
                <a14:hiddenFill xmlns:a14="http://schemas.microsoft.com/office/drawing/2010/main">
                  <a:solidFill>
                    <a:srgbClr val="FFFFFF"/>
                  </a:solidFill>
                </a14:hiddenFill>
              </a:ext>
            </a:extLst>
          </p:spPr>
        </p:pic>
        <p:grpSp>
          <p:nvGrpSpPr>
            <p:cNvPr id="5" name="Gruppe 4">
              <a:extLst>
                <a:ext uri="{FF2B5EF4-FFF2-40B4-BE49-F238E27FC236}">
                  <a16:creationId xmlns:a16="http://schemas.microsoft.com/office/drawing/2014/main" id="{2E056201-A646-497A-13DF-4F62CE060739}"/>
                </a:ext>
              </a:extLst>
            </p:cNvPr>
            <p:cNvGrpSpPr/>
            <p:nvPr/>
          </p:nvGrpSpPr>
          <p:grpSpPr>
            <a:xfrm>
              <a:off x="580803" y="2064129"/>
              <a:ext cx="5051576" cy="7577825"/>
              <a:chOff x="580803" y="2064129"/>
              <a:chExt cx="5051576" cy="7577825"/>
            </a:xfrm>
          </p:grpSpPr>
          <p:pic>
            <p:nvPicPr>
              <p:cNvPr id="2050" name="Picture 2" descr="No alt text provided for this image">
                <a:extLst>
                  <a:ext uri="{FF2B5EF4-FFF2-40B4-BE49-F238E27FC236}">
                    <a16:creationId xmlns:a16="http://schemas.microsoft.com/office/drawing/2014/main" id="{9BA4873C-1DCA-251B-363B-545A419CF41A}"/>
                  </a:ext>
                </a:extLst>
              </p:cNvPr>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580803" y="2064129"/>
                <a:ext cx="5051576" cy="3788682"/>
              </a:xfrm>
              <a:prstGeom prst="rect">
                <a:avLst/>
              </a:prstGeom>
              <a:noFill/>
              <a:extLst>
                <a:ext uri="{909E8E84-426E-40DD-AFC4-6F175D3DCCD1}">
                  <a14:hiddenFill xmlns:a14="http://schemas.microsoft.com/office/drawing/2010/main">
                    <a:solidFill>
                      <a:srgbClr val="FFFFFF"/>
                    </a:solidFill>
                  </a14:hiddenFill>
                </a:ext>
              </a:extLst>
            </p:spPr>
          </p:pic>
          <p:pic>
            <p:nvPicPr>
              <p:cNvPr id="2054" name="Picture 6" descr="No alt text provided for this image">
                <a:extLst>
                  <a:ext uri="{FF2B5EF4-FFF2-40B4-BE49-F238E27FC236}">
                    <a16:creationId xmlns:a16="http://schemas.microsoft.com/office/drawing/2014/main" id="{694A2275-B31D-9D64-702A-D0C441BFF7AF}"/>
                  </a:ext>
                </a:extLst>
              </p:cNvPr>
              <p:cNvPicPr>
                <a:picLocks noChangeAspect="1" noChangeArrowheads="1"/>
              </p:cNvPicPr>
              <p:nvPr/>
            </p:nvPicPr>
            <p:blipFill>
              <a:blip r:embed="rId5">
                <a:extLst>
                  <a:ext uri="{28A0092B-C50C-407E-A947-70E740481C1C}">
                    <a14:useLocalDpi xmlns:a14="http://schemas.microsoft.com/office/drawing/2010/main" val="0"/>
                  </a:ext>
                </a:extLst>
              </a:blip>
              <a:srcRect/>
              <a:stretch>
                <a:fillRect/>
              </a:stretch>
            </p:blipFill>
            <p:spPr bwMode="auto">
              <a:xfrm>
                <a:off x="580803" y="5853272"/>
                <a:ext cx="5051576" cy="3788682"/>
              </a:xfrm>
              <a:prstGeom prst="rect">
                <a:avLst/>
              </a:prstGeom>
              <a:noFill/>
              <a:extLst>
                <a:ext uri="{909E8E84-426E-40DD-AFC4-6F175D3DCCD1}">
                  <a14:hiddenFill xmlns:a14="http://schemas.microsoft.com/office/drawing/2010/main">
                    <a:solidFill>
                      <a:srgbClr val="FFFFFF"/>
                    </a:solidFill>
                  </a14:hiddenFill>
                </a:ext>
              </a:extLst>
            </p:spPr>
          </p:pic>
        </p:grpSp>
      </p:grpSp>
      <p:sp>
        <p:nvSpPr>
          <p:cNvPr id="7" name="Tekstfelt 6">
            <a:extLst>
              <a:ext uri="{FF2B5EF4-FFF2-40B4-BE49-F238E27FC236}">
                <a16:creationId xmlns:a16="http://schemas.microsoft.com/office/drawing/2014/main" id="{4CD4B894-4C3C-D797-6F33-3A2DA1FF6A94}"/>
              </a:ext>
            </a:extLst>
          </p:cNvPr>
          <p:cNvSpPr txBox="1"/>
          <p:nvPr/>
        </p:nvSpPr>
        <p:spPr>
          <a:xfrm>
            <a:off x="1439564" y="9037346"/>
            <a:ext cx="5178021" cy="418128"/>
          </a:xfrm>
          <a:prstGeom prst="rect">
            <a:avLst/>
          </a:prstGeom>
          <a:noFill/>
        </p:spPr>
        <p:txBody>
          <a:bodyPr wrap="none" rtlCol="0">
            <a:spAutoFit/>
          </a:bodyPr>
          <a:lstStyle/>
          <a:p>
            <a:r>
              <a:rPr lang="da-DK" dirty="0"/>
              <a:t>Læs mere på LinkedIn: Center for Ejendomme</a:t>
            </a:r>
          </a:p>
        </p:txBody>
      </p:sp>
      <p:pic>
        <p:nvPicPr>
          <p:cNvPr id="2" name="Billede 1">
            <a:extLst>
              <a:ext uri="{FF2B5EF4-FFF2-40B4-BE49-F238E27FC236}">
                <a16:creationId xmlns:a16="http://schemas.microsoft.com/office/drawing/2014/main" id="{9E6582B5-447E-4AAF-77C3-6530334DA5DD}"/>
              </a:ext>
            </a:extLst>
          </p:cNvPr>
          <p:cNvPicPr>
            <a:picLocks noChangeAspect="1"/>
          </p:cNvPicPr>
          <p:nvPr/>
        </p:nvPicPr>
        <p:blipFill>
          <a:blip r:embed="rId6">
            <a:clrChange>
              <a:clrFrom>
                <a:srgbClr val="FFFFFF"/>
              </a:clrFrom>
              <a:clrTo>
                <a:srgbClr val="FFFFFF">
                  <a:alpha val="0"/>
                </a:srgbClr>
              </a:clrTo>
            </a:clrChange>
          </a:blip>
          <a:stretch>
            <a:fillRect/>
          </a:stretch>
        </p:blipFill>
        <p:spPr>
          <a:xfrm>
            <a:off x="619594" y="239843"/>
            <a:ext cx="750778" cy="674557"/>
          </a:xfrm>
          <a:prstGeom prst="rect">
            <a:avLst/>
          </a:prstGeom>
        </p:spPr>
      </p:pic>
    </p:spTree>
    <p:extLst>
      <p:ext uri="{BB962C8B-B14F-4D97-AF65-F5344CB8AC3E}">
        <p14:creationId xmlns:p14="http://schemas.microsoft.com/office/powerpoint/2010/main" val="688007313"/>
      </p:ext>
    </p:extLst>
  </p:cSld>
  <p:clrMapOvr>
    <a:masterClrMapping/>
  </p:clrMapOvr>
</p:sld>
</file>

<file path=ppt/slides/slide2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Pladsholder til tekst 2">
            <a:extLst>
              <a:ext uri="{FF2B5EF4-FFF2-40B4-BE49-F238E27FC236}">
                <a16:creationId xmlns:a16="http://schemas.microsoft.com/office/drawing/2014/main" id="{090276B4-AFBB-5C44-F20D-EBAF199D2BF6}"/>
              </a:ext>
            </a:extLst>
          </p:cNvPr>
          <p:cNvSpPr>
            <a:spLocks noGrp="1"/>
          </p:cNvSpPr>
          <p:nvPr>
            <p:ph type="body" sz="quarter" idx="17"/>
          </p:nvPr>
        </p:nvSpPr>
        <p:spPr>
          <a:xfrm>
            <a:off x="1325070" y="852522"/>
            <a:ext cx="9536192" cy="748874"/>
          </a:xfrm>
        </p:spPr>
        <p:txBody>
          <a:bodyPr/>
          <a:lstStyle/>
          <a:p>
            <a:r>
              <a:rPr lang="da-DK" dirty="0"/>
              <a:t>Testhuset – Mary Elizabeths Hospital</a:t>
            </a:r>
          </a:p>
        </p:txBody>
      </p:sp>
      <p:sp>
        <p:nvSpPr>
          <p:cNvPr id="4" name="Pladsholder til slidenummer 3">
            <a:extLst>
              <a:ext uri="{FF2B5EF4-FFF2-40B4-BE49-F238E27FC236}">
                <a16:creationId xmlns:a16="http://schemas.microsoft.com/office/drawing/2014/main" id="{57102328-66AF-DC3C-FF01-21EF3463A646}"/>
              </a:ext>
            </a:extLst>
          </p:cNvPr>
          <p:cNvSpPr>
            <a:spLocks noGrp="1"/>
          </p:cNvSpPr>
          <p:nvPr>
            <p:ph type="sldNum" sz="quarter" idx="12"/>
          </p:nvPr>
        </p:nvSpPr>
        <p:spPr/>
        <p:txBody>
          <a:bodyPr/>
          <a:lstStyle/>
          <a:p>
            <a:fld id="{667EC89C-17A0-4E64-A6D2-B825673CEEDF}" type="slidenum">
              <a:rPr lang="da-DK" smtClean="0"/>
              <a:pPr/>
              <a:t>25</a:t>
            </a:fld>
            <a:endParaRPr lang="da-DK" dirty="0"/>
          </a:p>
        </p:txBody>
      </p:sp>
      <p:pic>
        <p:nvPicPr>
          <p:cNvPr id="5" name="Picture 2">
            <a:extLst>
              <a:ext uri="{FF2B5EF4-FFF2-40B4-BE49-F238E27FC236}">
                <a16:creationId xmlns:a16="http://schemas.microsoft.com/office/drawing/2014/main" id="{B3A7C067-AE0B-F84D-D6CD-9CD94F4D67B7}"/>
              </a:ext>
            </a:extLst>
          </p:cNvPr>
          <p:cNvPicPr>
            <a:picLocks noChangeAspect="1" noChangeArrowheads="1"/>
          </p:cNvPicPr>
          <p:nvPr/>
        </p:nvPicPr>
        <p:blipFill>
          <a:blip r:embed="rId3" cstate="print">
            <a:extLst>
              <a:ext uri="{28A0092B-C50C-407E-A947-70E740481C1C}">
                <a14:useLocalDpi xmlns:a14="http://schemas.microsoft.com/office/drawing/2010/main" val="0"/>
              </a:ext>
            </a:extLst>
          </a:blip>
          <a:srcRect/>
          <a:stretch>
            <a:fillRect/>
          </a:stretch>
        </p:blipFill>
        <p:spPr bwMode="auto">
          <a:xfrm>
            <a:off x="1487287" y="1897904"/>
            <a:ext cx="9830287" cy="7372715"/>
          </a:xfrm>
          <a:prstGeom prst="rect">
            <a:avLst/>
          </a:prstGeom>
          <a:noFill/>
          <a:extLst>
            <a:ext uri="{909E8E84-426E-40DD-AFC4-6F175D3DCCD1}">
              <a14:hiddenFill xmlns:a14="http://schemas.microsoft.com/office/drawing/2010/main">
                <a:solidFill>
                  <a:srgbClr val="FFFFFF"/>
                </a:solidFill>
              </a14:hiddenFill>
            </a:ext>
          </a:extLst>
        </p:spPr>
      </p:pic>
      <p:pic>
        <p:nvPicPr>
          <p:cNvPr id="2" name="Billede 1">
            <a:extLst>
              <a:ext uri="{FF2B5EF4-FFF2-40B4-BE49-F238E27FC236}">
                <a16:creationId xmlns:a16="http://schemas.microsoft.com/office/drawing/2014/main" id="{40DDB421-D460-29F6-72C5-6521582705F2}"/>
              </a:ext>
            </a:extLst>
          </p:cNvPr>
          <p:cNvPicPr>
            <a:picLocks noChangeAspect="1"/>
          </p:cNvPicPr>
          <p:nvPr/>
        </p:nvPicPr>
        <p:blipFill>
          <a:blip r:embed="rId4">
            <a:clrChange>
              <a:clrFrom>
                <a:srgbClr val="FFFFFF"/>
              </a:clrFrom>
              <a:clrTo>
                <a:srgbClr val="FFFFFF">
                  <a:alpha val="0"/>
                </a:srgbClr>
              </a:clrTo>
            </a:clrChange>
          </a:blip>
          <a:stretch>
            <a:fillRect/>
          </a:stretch>
        </p:blipFill>
        <p:spPr>
          <a:xfrm>
            <a:off x="619594" y="239843"/>
            <a:ext cx="750778" cy="674557"/>
          </a:xfrm>
          <a:prstGeom prst="rect">
            <a:avLst/>
          </a:prstGeom>
        </p:spPr>
      </p:pic>
    </p:spTree>
    <p:extLst>
      <p:ext uri="{BB962C8B-B14F-4D97-AF65-F5344CB8AC3E}">
        <p14:creationId xmlns:p14="http://schemas.microsoft.com/office/powerpoint/2010/main" val="3983353938"/>
      </p:ext>
    </p:extLst>
  </p:cSld>
  <p:clrMapOvr>
    <a:masterClrMapping/>
  </p:clrMapOvr>
</p:sld>
</file>

<file path=ppt/slides/slide2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Pladsholder til tekst 2">
            <a:extLst>
              <a:ext uri="{FF2B5EF4-FFF2-40B4-BE49-F238E27FC236}">
                <a16:creationId xmlns:a16="http://schemas.microsoft.com/office/drawing/2014/main" id="{599AFCF5-BDAC-359A-537A-0BBE6F2C5C8C}"/>
              </a:ext>
            </a:extLst>
          </p:cNvPr>
          <p:cNvSpPr>
            <a:spLocks noGrp="1"/>
          </p:cNvSpPr>
          <p:nvPr>
            <p:ph type="body" sz="quarter" idx="17"/>
          </p:nvPr>
        </p:nvSpPr>
        <p:spPr>
          <a:xfrm>
            <a:off x="1641980" y="3297836"/>
            <a:ext cx="7615111" cy="3384035"/>
          </a:xfrm>
        </p:spPr>
        <p:txBody>
          <a:bodyPr/>
          <a:lstStyle/>
          <a:p>
            <a:r>
              <a:rPr lang="da-DK" sz="5400" dirty="0"/>
              <a:t>Kan en bygning være legende, logisk og bæredygtigt på én og samme tid?</a:t>
            </a:r>
          </a:p>
        </p:txBody>
      </p:sp>
      <p:sp>
        <p:nvSpPr>
          <p:cNvPr id="4" name="Pladsholder til slidenummer 3">
            <a:extLst>
              <a:ext uri="{FF2B5EF4-FFF2-40B4-BE49-F238E27FC236}">
                <a16:creationId xmlns:a16="http://schemas.microsoft.com/office/drawing/2014/main" id="{70C7B39D-7567-2E57-CC1B-2CDDA07F43FB}"/>
              </a:ext>
            </a:extLst>
          </p:cNvPr>
          <p:cNvSpPr>
            <a:spLocks noGrp="1"/>
          </p:cNvSpPr>
          <p:nvPr>
            <p:ph type="sldNum" sz="quarter" idx="12"/>
          </p:nvPr>
        </p:nvSpPr>
        <p:spPr/>
        <p:txBody>
          <a:bodyPr/>
          <a:lstStyle/>
          <a:p>
            <a:fld id="{667EC89C-17A0-4E64-A6D2-B825673CEEDF}" type="slidenum">
              <a:rPr lang="da-DK" smtClean="0"/>
              <a:pPr/>
              <a:t>26</a:t>
            </a:fld>
            <a:endParaRPr lang="da-DK" dirty="0"/>
          </a:p>
        </p:txBody>
      </p:sp>
      <p:grpSp>
        <p:nvGrpSpPr>
          <p:cNvPr id="7" name="Gruppe 6">
            <a:extLst>
              <a:ext uri="{FF2B5EF4-FFF2-40B4-BE49-F238E27FC236}">
                <a16:creationId xmlns:a16="http://schemas.microsoft.com/office/drawing/2014/main" id="{6ACD42CA-76E2-E564-1BB2-7DEBAF77852A}"/>
              </a:ext>
            </a:extLst>
          </p:cNvPr>
          <p:cNvGrpSpPr/>
          <p:nvPr/>
        </p:nvGrpSpPr>
        <p:grpSpPr>
          <a:xfrm>
            <a:off x="8534400" y="499324"/>
            <a:ext cx="7295212" cy="5597023"/>
            <a:chOff x="5940576" y="1127042"/>
            <a:chExt cx="5879939" cy="4945691"/>
          </a:xfrm>
        </p:grpSpPr>
        <p:pic>
          <p:nvPicPr>
            <p:cNvPr id="6" name="Pladsholder til billede 12">
              <a:extLst>
                <a:ext uri="{FF2B5EF4-FFF2-40B4-BE49-F238E27FC236}">
                  <a16:creationId xmlns:a16="http://schemas.microsoft.com/office/drawing/2014/main" id="{EC30AB41-FDCD-661D-A7D7-1DCD52F315AD}"/>
                </a:ext>
              </a:extLst>
            </p:cNvPr>
            <p:cNvPicPr>
              <a:picLocks noChangeAspect="1"/>
            </p:cNvPicPr>
            <p:nvPr/>
          </p:nvPicPr>
          <p:blipFill rotWithShape="1">
            <a:blip r:embed="rId2"/>
            <a:srcRect l="10942" r="15567"/>
            <a:stretch/>
          </p:blipFill>
          <p:spPr>
            <a:xfrm>
              <a:off x="9387197" y="1127042"/>
              <a:ext cx="1144314" cy="1556793"/>
            </a:xfrm>
            <a:prstGeom prst="rect">
              <a:avLst/>
            </a:prstGeom>
          </p:spPr>
        </p:pic>
        <p:pic>
          <p:nvPicPr>
            <p:cNvPr id="5" name="Billede 4">
              <a:extLst>
                <a:ext uri="{FF2B5EF4-FFF2-40B4-BE49-F238E27FC236}">
                  <a16:creationId xmlns:a16="http://schemas.microsoft.com/office/drawing/2014/main" id="{62F292E4-856C-655B-333A-BD18E862719F}"/>
                </a:ext>
              </a:extLst>
            </p:cNvPr>
            <p:cNvPicPr>
              <a:picLocks noChangeAspect="1"/>
            </p:cNvPicPr>
            <p:nvPr/>
          </p:nvPicPr>
          <p:blipFill>
            <a:blip r:embed="rId3">
              <a:clrChange>
                <a:clrFrom>
                  <a:srgbClr val="FFFFFF"/>
                </a:clrFrom>
                <a:clrTo>
                  <a:srgbClr val="FFFFFF">
                    <a:alpha val="0"/>
                  </a:srgbClr>
                </a:clrTo>
              </a:clrChange>
            </a:blip>
            <a:stretch>
              <a:fillRect/>
            </a:stretch>
          </p:blipFill>
          <p:spPr>
            <a:xfrm>
              <a:off x="5940576" y="1373411"/>
              <a:ext cx="5879939" cy="4699322"/>
            </a:xfrm>
            <a:prstGeom prst="rect">
              <a:avLst/>
            </a:prstGeom>
          </p:spPr>
        </p:pic>
      </p:grpSp>
      <p:pic>
        <p:nvPicPr>
          <p:cNvPr id="2" name="Billede 1">
            <a:extLst>
              <a:ext uri="{FF2B5EF4-FFF2-40B4-BE49-F238E27FC236}">
                <a16:creationId xmlns:a16="http://schemas.microsoft.com/office/drawing/2014/main" id="{E68924C4-B1EE-396C-4AF3-B74573DEE1A9}"/>
              </a:ext>
            </a:extLst>
          </p:cNvPr>
          <p:cNvPicPr>
            <a:picLocks noChangeAspect="1"/>
          </p:cNvPicPr>
          <p:nvPr/>
        </p:nvPicPr>
        <p:blipFill>
          <a:blip r:embed="rId4">
            <a:clrChange>
              <a:clrFrom>
                <a:srgbClr val="FFFFFF"/>
              </a:clrFrom>
              <a:clrTo>
                <a:srgbClr val="FFFFFF">
                  <a:alpha val="0"/>
                </a:srgbClr>
              </a:clrTo>
            </a:clrChange>
          </a:blip>
          <a:stretch>
            <a:fillRect/>
          </a:stretch>
        </p:blipFill>
        <p:spPr>
          <a:xfrm>
            <a:off x="619594" y="239843"/>
            <a:ext cx="750778" cy="674557"/>
          </a:xfrm>
          <a:prstGeom prst="rect">
            <a:avLst/>
          </a:prstGeom>
        </p:spPr>
      </p:pic>
    </p:spTree>
    <p:extLst>
      <p:ext uri="{BB962C8B-B14F-4D97-AF65-F5344CB8AC3E}">
        <p14:creationId xmlns:p14="http://schemas.microsoft.com/office/powerpoint/2010/main" val="258698154"/>
      </p:ext>
    </p:extLst>
  </p:cSld>
  <p:clrMapOvr>
    <a:masterClrMapping/>
  </p:clrMapOvr>
</p:sld>
</file>

<file path=ppt/slides/slide2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Undertitel 2">
            <a:extLst>
              <a:ext uri="{FF2B5EF4-FFF2-40B4-BE49-F238E27FC236}">
                <a16:creationId xmlns:a16="http://schemas.microsoft.com/office/drawing/2014/main" id="{F6B0DED0-6524-AB39-4726-957440A30857}"/>
              </a:ext>
            </a:extLst>
          </p:cNvPr>
          <p:cNvSpPr txBox="1">
            <a:spLocks/>
          </p:cNvSpPr>
          <p:nvPr/>
        </p:nvSpPr>
        <p:spPr>
          <a:xfrm>
            <a:off x="13240367" y="5675483"/>
            <a:ext cx="4587934" cy="888504"/>
          </a:xfrm>
          <a:prstGeom prst="rect">
            <a:avLst/>
          </a:prstGeom>
          <a:noFill/>
        </p:spPr>
        <p:txBody>
          <a:bodyPr/>
          <a:lstStyle>
            <a:lvl1pPr marL="142995" indent="-142995" algn="l" defTabSz="908018" rtl="0" eaLnBrk="1" latinLnBrk="0" hangingPunct="1">
              <a:lnSpc>
                <a:spcPct val="100000"/>
              </a:lnSpc>
              <a:spcBef>
                <a:spcPts val="0"/>
              </a:spcBef>
              <a:spcAft>
                <a:spcPts val="1193"/>
              </a:spcAft>
              <a:buClr>
                <a:schemeClr val="accent6"/>
              </a:buClr>
              <a:buFont typeface="Arial" panose="020B0604020202020204" pitchFamily="34" charset="0"/>
              <a:buChar char="•"/>
              <a:defRPr sz="2186" kern="1200" baseline="0">
                <a:solidFill>
                  <a:schemeClr val="tx1"/>
                </a:solidFill>
                <a:latin typeface="+mn-lt"/>
                <a:ea typeface="+mn-ea"/>
                <a:cs typeface="+mn-cs"/>
              </a:defRPr>
            </a:lvl1pPr>
            <a:lvl2pPr marL="500484" indent="-142995" algn="l" defTabSz="908018" rtl="0" eaLnBrk="1" latinLnBrk="0" hangingPunct="1">
              <a:spcBef>
                <a:spcPts val="0"/>
              </a:spcBef>
              <a:spcAft>
                <a:spcPts val="1193"/>
              </a:spcAft>
              <a:buClr>
                <a:schemeClr val="accent6"/>
              </a:buClr>
              <a:buFont typeface="Arial" panose="020B0604020202020204" pitchFamily="34" charset="0"/>
              <a:buChar char="•"/>
              <a:defRPr lang="da-DK" sz="1986" kern="1200" baseline="0" dirty="0" smtClean="0">
                <a:solidFill>
                  <a:schemeClr val="tx1"/>
                </a:solidFill>
                <a:latin typeface="+mn-lt"/>
                <a:ea typeface="+mn-ea"/>
                <a:cs typeface="+mn-cs"/>
              </a:defRPr>
            </a:lvl2pPr>
            <a:lvl3pPr marL="822221" indent="-125121" algn="l" defTabSz="908018" rtl="0" eaLnBrk="1" latinLnBrk="0" hangingPunct="1">
              <a:spcBef>
                <a:spcPts val="0"/>
              </a:spcBef>
              <a:spcAft>
                <a:spcPts val="1193"/>
              </a:spcAft>
              <a:buClr>
                <a:schemeClr val="accent6"/>
              </a:buClr>
              <a:buFont typeface="Arial" panose="020B0604020202020204" pitchFamily="34" charset="0"/>
              <a:buChar char="•"/>
              <a:defRPr lang="da-DK" sz="1786" kern="1200" dirty="0" smtClean="0">
                <a:solidFill>
                  <a:schemeClr val="tx1"/>
                </a:solidFill>
                <a:latin typeface="+mn-lt"/>
                <a:ea typeface="+mn-ea"/>
                <a:cs typeface="+mn-cs"/>
              </a:defRPr>
            </a:lvl3pPr>
            <a:lvl4pPr marL="1179709" indent="-107246" algn="l" defTabSz="908018" rtl="0" eaLnBrk="1" latinLnBrk="0" hangingPunct="1">
              <a:spcBef>
                <a:spcPts val="0"/>
              </a:spcBef>
              <a:spcAft>
                <a:spcPts val="1193"/>
              </a:spcAft>
              <a:buClr>
                <a:schemeClr val="accent6"/>
              </a:buClr>
              <a:buFont typeface="Arial" panose="020B0604020202020204" pitchFamily="34" charset="0"/>
              <a:buChar char="•"/>
              <a:defRPr lang="da-DK" sz="1586" kern="1200" dirty="0" smtClean="0">
                <a:solidFill>
                  <a:schemeClr val="tx1"/>
                </a:solidFill>
                <a:latin typeface="+mn-lt"/>
                <a:ea typeface="+mn-ea"/>
                <a:cs typeface="+mn-cs"/>
              </a:defRPr>
            </a:lvl4pPr>
            <a:lvl5pPr marL="1537197" indent="-107246" algn="l" defTabSz="908018" rtl="0" eaLnBrk="1" latinLnBrk="0" hangingPunct="1">
              <a:spcBef>
                <a:spcPts val="0"/>
              </a:spcBef>
              <a:spcAft>
                <a:spcPts val="1193"/>
              </a:spcAft>
              <a:buClr>
                <a:schemeClr val="accent6"/>
              </a:buClr>
              <a:buFont typeface="Arial" panose="020B0604020202020204" pitchFamily="34" charset="0"/>
              <a:buChar char="•"/>
              <a:defRPr lang="da-DK" sz="1393" kern="1200" dirty="0" smtClean="0">
                <a:solidFill>
                  <a:schemeClr val="tx1"/>
                </a:solidFill>
                <a:latin typeface="+mn-lt"/>
                <a:ea typeface="+mn-ea"/>
                <a:cs typeface="+mn-cs"/>
              </a:defRPr>
            </a:lvl5pPr>
            <a:lvl6pPr marL="1894685" indent="-89371" algn="l" defTabSz="908018" rtl="0" eaLnBrk="1" latinLnBrk="0" hangingPunct="1">
              <a:spcBef>
                <a:spcPts val="0"/>
              </a:spcBef>
              <a:spcAft>
                <a:spcPts val="1193"/>
              </a:spcAft>
              <a:buClr>
                <a:srgbClr val="7D7D7D"/>
              </a:buClr>
              <a:buFont typeface="Arial" panose="020B0604020202020204" pitchFamily="34" charset="0"/>
              <a:buChar char="•"/>
              <a:defRPr lang="da-DK" sz="1193" kern="1200" baseline="0" dirty="0">
                <a:solidFill>
                  <a:schemeClr val="tx1"/>
                </a:solidFill>
                <a:latin typeface="+mn-lt"/>
                <a:ea typeface="+mn-ea"/>
                <a:cs typeface="+mn-cs"/>
              </a:defRPr>
            </a:lvl6pPr>
            <a:lvl7pPr marL="2252172" indent="-89371" algn="l" defTabSz="908018" rtl="0" eaLnBrk="1" latinLnBrk="0" hangingPunct="1">
              <a:spcBef>
                <a:spcPts val="0"/>
              </a:spcBef>
              <a:spcAft>
                <a:spcPts val="1193"/>
              </a:spcAft>
              <a:buClr>
                <a:srgbClr val="7D7D7D"/>
              </a:buClr>
              <a:buFont typeface="Arial" panose="020B0604020202020204" pitchFamily="34" charset="0"/>
              <a:buChar char="•"/>
              <a:defRPr lang="da-DK" sz="1093" kern="1200" baseline="0" dirty="0">
                <a:solidFill>
                  <a:schemeClr val="tx1"/>
                </a:solidFill>
                <a:latin typeface="+mn-lt"/>
                <a:ea typeface="+mn-ea"/>
                <a:cs typeface="+mn-cs"/>
              </a:defRPr>
            </a:lvl7pPr>
            <a:lvl8pPr marL="2609659" indent="-89371" algn="l" defTabSz="908018" rtl="0" eaLnBrk="1" latinLnBrk="0" hangingPunct="1">
              <a:spcBef>
                <a:spcPts val="0"/>
              </a:spcBef>
              <a:spcAft>
                <a:spcPts val="1193"/>
              </a:spcAft>
              <a:buClr>
                <a:srgbClr val="7D7D7D"/>
              </a:buClr>
              <a:buFont typeface="Arial" panose="020B0604020202020204" pitchFamily="34" charset="0"/>
              <a:buChar char="•"/>
              <a:defRPr lang="da-DK" sz="993" kern="1200" baseline="0" dirty="0">
                <a:solidFill>
                  <a:schemeClr val="tx1"/>
                </a:solidFill>
                <a:latin typeface="+mn-lt"/>
                <a:ea typeface="+mn-ea"/>
                <a:cs typeface="+mn-cs"/>
              </a:defRPr>
            </a:lvl8pPr>
            <a:lvl9pPr marL="2967147" indent="-89371" algn="l" defTabSz="908018" rtl="0" eaLnBrk="1" latinLnBrk="0" hangingPunct="1">
              <a:spcBef>
                <a:spcPts val="0"/>
              </a:spcBef>
              <a:spcAft>
                <a:spcPts val="1193"/>
              </a:spcAft>
              <a:buClr>
                <a:srgbClr val="808080"/>
              </a:buClr>
              <a:buFont typeface="Arial" panose="020B0604020202020204" pitchFamily="34" charset="0"/>
              <a:buChar char="•"/>
              <a:defRPr sz="893" kern="1200">
                <a:solidFill>
                  <a:schemeClr val="tx1"/>
                </a:solidFill>
                <a:latin typeface="+mn-lt"/>
                <a:ea typeface="+mn-ea"/>
                <a:cs typeface="+mn-cs"/>
              </a:defRPr>
            </a:lvl9pPr>
          </a:lstStyle>
          <a:p>
            <a:pPr marL="0" indent="0">
              <a:buNone/>
            </a:pPr>
            <a:r>
              <a:rPr lang="da-DK" sz="1200" b="1" dirty="0">
                <a:solidFill>
                  <a:schemeClr val="accent1"/>
                </a:solidFill>
                <a:latin typeface="Verdana" panose="020B0604030504040204" pitchFamily="34" charset="0"/>
                <a:ea typeface="Calibri" panose="020F0502020204030204" pitchFamily="34" charset="0"/>
              </a:rPr>
              <a:t>Marija Stamenkovic</a:t>
            </a:r>
            <a:br>
              <a:rPr lang="da-DK" sz="1200" dirty="0">
                <a:solidFill>
                  <a:schemeClr val="accent1"/>
                </a:solidFill>
                <a:latin typeface="Verdana" panose="020B0604030504040204" pitchFamily="34" charset="0"/>
                <a:ea typeface="Calibri" panose="020F0502020204030204" pitchFamily="34" charset="0"/>
              </a:rPr>
            </a:br>
            <a:r>
              <a:rPr lang="da-DK" sz="1200" dirty="0">
                <a:solidFill>
                  <a:schemeClr val="accent1"/>
                </a:solidFill>
                <a:latin typeface="Verdana" panose="020B0604030504040204" pitchFamily="34" charset="0"/>
                <a:ea typeface="Calibri" panose="020F0502020204030204" pitchFamily="34" charset="0"/>
              </a:rPr>
              <a:t>Seniorkonsulent og </a:t>
            </a:r>
            <a:br>
              <a:rPr lang="da-DK" sz="1200" dirty="0">
                <a:solidFill>
                  <a:schemeClr val="accent1"/>
                </a:solidFill>
                <a:latin typeface="Verdana" panose="020B0604030504040204" pitchFamily="34" charset="0"/>
                <a:ea typeface="Calibri" panose="020F0502020204030204" pitchFamily="34" charset="0"/>
              </a:rPr>
            </a:br>
            <a:r>
              <a:rPr lang="da-DK" sz="1200" dirty="0">
                <a:solidFill>
                  <a:schemeClr val="accent1"/>
                </a:solidFill>
                <a:latin typeface="Verdana" panose="020B0604030504040204" pitchFamily="34" charset="0"/>
                <a:ea typeface="Calibri" panose="020F0502020204030204" pitchFamily="34" charset="0"/>
              </a:rPr>
              <a:t>Programleder for Bæredygtigbyggeri</a:t>
            </a:r>
          </a:p>
          <a:p>
            <a:pPr marL="0" indent="0">
              <a:buNone/>
            </a:pPr>
            <a:r>
              <a:rPr lang="da-DK" sz="1200" dirty="0">
                <a:solidFill>
                  <a:schemeClr val="accent1"/>
                </a:solidFill>
                <a:latin typeface="Verdana" panose="020B0604030504040204" pitchFamily="34" charset="0"/>
                <a:ea typeface="Calibri" panose="020F0502020204030204" pitchFamily="34" charset="0"/>
              </a:rPr>
              <a:t>Byggeprojektudvikling</a:t>
            </a:r>
            <a:endParaRPr lang="en-US" sz="1200" dirty="0">
              <a:solidFill>
                <a:schemeClr val="accent1"/>
              </a:solidFill>
              <a:latin typeface="Calibri" panose="020F0502020204030204" pitchFamily="34" charset="0"/>
              <a:ea typeface="Calibri" panose="020F0502020204030204" pitchFamily="34" charset="0"/>
            </a:endParaRPr>
          </a:p>
          <a:p>
            <a:pPr marL="0" indent="0">
              <a:buNone/>
            </a:pPr>
            <a:r>
              <a:rPr lang="da-DK" sz="1200" dirty="0">
                <a:solidFill>
                  <a:schemeClr val="accent1"/>
                </a:solidFill>
                <a:latin typeface="Verdana" panose="020B0604030504040204" pitchFamily="34" charset="0"/>
                <a:ea typeface="Calibri" panose="020F0502020204030204" pitchFamily="34" charset="0"/>
              </a:rPr>
              <a:t>Region Hovedstaden</a:t>
            </a:r>
            <a:br>
              <a:rPr lang="da-DK" sz="1200" dirty="0">
                <a:solidFill>
                  <a:schemeClr val="accent1"/>
                </a:solidFill>
                <a:latin typeface="Verdana" panose="020B0604030504040204" pitchFamily="34" charset="0"/>
                <a:ea typeface="Calibri" panose="020F0502020204030204" pitchFamily="34" charset="0"/>
              </a:rPr>
            </a:br>
            <a:r>
              <a:rPr lang="da-DK" sz="1200" dirty="0">
                <a:solidFill>
                  <a:schemeClr val="accent1"/>
                </a:solidFill>
                <a:latin typeface="Verdana" panose="020B0604030504040204" pitchFamily="34" charset="0"/>
                <a:ea typeface="Calibri" panose="020F0502020204030204" pitchFamily="34" charset="0"/>
              </a:rPr>
              <a:t>Center for Ejendomme</a:t>
            </a:r>
            <a:br>
              <a:rPr lang="da-DK" sz="1200" dirty="0">
                <a:solidFill>
                  <a:schemeClr val="accent1"/>
                </a:solidFill>
                <a:latin typeface="Verdana" panose="020B0604030504040204" pitchFamily="34" charset="0"/>
                <a:ea typeface="Calibri" panose="020F0502020204030204" pitchFamily="34" charset="0"/>
              </a:rPr>
            </a:br>
            <a:br>
              <a:rPr lang="da-DK" sz="1200" u="sng" kern="100" dirty="0">
                <a:solidFill>
                  <a:schemeClr val="accent1"/>
                </a:solidFill>
                <a:latin typeface="Calibri" panose="020F0502020204030204" pitchFamily="34" charset="0"/>
                <a:ea typeface="Calibri" panose="020F0502020204030204" pitchFamily="34" charset="0"/>
              </a:rPr>
            </a:br>
            <a:r>
              <a:rPr lang="da-DK" sz="1200" kern="100" dirty="0">
                <a:solidFill>
                  <a:schemeClr val="accent1"/>
                </a:solidFill>
                <a:latin typeface="Verdana" panose="020B0604030504040204" pitchFamily="34" charset="0"/>
                <a:ea typeface="Calibri" panose="020F0502020204030204" pitchFamily="34" charset="0"/>
              </a:rPr>
              <a:t>Mail: </a:t>
            </a:r>
            <a:r>
              <a:rPr lang="da-DK" sz="1200" u="sng" kern="100" dirty="0">
                <a:solidFill>
                  <a:schemeClr val="accent1"/>
                </a:solidFill>
                <a:latin typeface="Verdana" panose="020B0604030504040204" pitchFamily="34" charset="0"/>
                <a:ea typeface="Calibri" panose="020F0502020204030204" pitchFamily="34" charset="0"/>
                <a:hlinkClick r:id="rId2">
                  <a:extLst>
                    <a:ext uri="{A12FA001-AC4F-418D-AE19-62706E023703}">
                      <ahyp:hlinkClr xmlns:ahyp="http://schemas.microsoft.com/office/drawing/2018/hyperlinkcolor" val="tx"/>
                    </a:ext>
                  </a:extLst>
                </a:hlinkClick>
              </a:rPr>
              <a:t>marija.stamenkovic@regionh.dk</a:t>
            </a:r>
            <a:endParaRPr lang="da-DK" sz="1200" kern="100" dirty="0">
              <a:solidFill>
                <a:schemeClr val="accent1"/>
              </a:solidFill>
              <a:latin typeface="Calibri" panose="020F0502020204030204" pitchFamily="34" charset="0"/>
              <a:ea typeface="Calibri" panose="020F0502020204030204" pitchFamily="34" charset="0"/>
            </a:endParaRPr>
          </a:p>
        </p:txBody>
      </p:sp>
      <p:pic>
        <p:nvPicPr>
          <p:cNvPr id="4" name="Billede 3">
            <a:extLst>
              <a:ext uri="{FF2B5EF4-FFF2-40B4-BE49-F238E27FC236}">
                <a16:creationId xmlns:a16="http://schemas.microsoft.com/office/drawing/2014/main" id="{F4DA49C3-7AA3-4366-6300-C7C1906DCA2C}"/>
              </a:ext>
            </a:extLst>
          </p:cNvPr>
          <p:cNvPicPr>
            <a:picLocks noChangeAspect="1"/>
          </p:cNvPicPr>
          <p:nvPr/>
        </p:nvPicPr>
        <p:blipFill>
          <a:blip r:embed="rId3">
            <a:clrChange>
              <a:clrFrom>
                <a:srgbClr val="FFFFFF"/>
              </a:clrFrom>
              <a:clrTo>
                <a:srgbClr val="FFFFFF">
                  <a:alpha val="0"/>
                </a:srgbClr>
              </a:clrTo>
            </a:clrChange>
          </a:blip>
          <a:stretch>
            <a:fillRect/>
          </a:stretch>
        </p:blipFill>
        <p:spPr>
          <a:xfrm>
            <a:off x="619594" y="239843"/>
            <a:ext cx="750778" cy="674557"/>
          </a:xfrm>
          <a:prstGeom prst="rect">
            <a:avLst/>
          </a:prstGeom>
        </p:spPr>
      </p:pic>
    </p:spTree>
    <p:extLst>
      <p:ext uri="{BB962C8B-B14F-4D97-AF65-F5344CB8AC3E}">
        <p14:creationId xmlns:p14="http://schemas.microsoft.com/office/powerpoint/2010/main" val="3627177904"/>
      </p:ext>
    </p:extLst>
  </p:cSld>
  <p:clrMapOvr>
    <a:masterClrMapping/>
  </p:clrMapOvr>
</p:sld>
</file>

<file path=ppt/slides/slide2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Pladsholder til slidenummer 3">
            <a:extLst>
              <a:ext uri="{FF2B5EF4-FFF2-40B4-BE49-F238E27FC236}">
                <a16:creationId xmlns:a16="http://schemas.microsoft.com/office/drawing/2014/main" id="{107AC555-91A0-4C96-A7F3-E1F31A892030}"/>
              </a:ext>
            </a:extLst>
          </p:cNvPr>
          <p:cNvSpPr>
            <a:spLocks noGrp="1"/>
          </p:cNvSpPr>
          <p:nvPr>
            <p:ph type="sldNum" sz="quarter" idx="12"/>
          </p:nvPr>
        </p:nvSpPr>
        <p:spPr/>
        <p:txBody>
          <a:bodyPr/>
          <a:lstStyle/>
          <a:p>
            <a:fld id="{0DAB5548-7253-48D6-B95B-F3D312A72220}" type="slidenum">
              <a:rPr lang="en-GB" smtClean="0"/>
              <a:pPr/>
              <a:t>28</a:t>
            </a:fld>
            <a:endParaRPr lang="en-GB" dirty="0"/>
          </a:p>
        </p:txBody>
      </p:sp>
      <p:sp>
        <p:nvSpPr>
          <p:cNvPr id="9" name="Titel 8">
            <a:extLst>
              <a:ext uri="{FF2B5EF4-FFF2-40B4-BE49-F238E27FC236}">
                <a16:creationId xmlns:a16="http://schemas.microsoft.com/office/drawing/2014/main" id="{E382CADC-CF2D-41A3-9059-B4BE3BBE35B7}"/>
              </a:ext>
            </a:extLst>
          </p:cNvPr>
          <p:cNvSpPr>
            <a:spLocks noGrp="1"/>
          </p:cNvSpPr>
          <p:nvPr>
            <p:ph type="title" idx="4294967295"/>
          </p:nvPr>
        </p:nvSpPr>
        <p:spPr>
          <a:xfrm>
            <a:off x="2876550" y="1046163"/>
            <a:ext cx="14192250" cy="654050"/>
          </a:xfrm>
        </p:spPr>
        <p:txBody>
          <a:bodyPr/>
          <a:lstStyle/>
          <a:p>
            <a:r>
              <a:rPr lang="da-DK" dirty="0"/>
              <a:t>Region Hovedstaden - Organisationsdiagram</a:t>
            </a:r>
          </a:p>
        </p:txBody>
      </p:sp>
      <p:pic>
        <p:nvPicPr>
          <p:cNvPr id="1026" name="Picture 2">
            <a:extLst>
              <a:ext uri="{FF2B5EF4-FFF2-40B4-BE49-F238E27FC236}">
                <a16:creationId xmlns:a16="http://schemas.microsoft.com/office/drawing/2014/main" id="{4C86B5B3-9551-6BBD-EE73-E97B03B56197}"/>
              </a:ext>
            </a:extLst>
          </p:cNvPr>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2219710" y="1373188"/>
            <a:ext cx="11344275" cy="8029575"/>
          </a:xfrm>
          <a:prstGeom prst="rect">
            <a:avLst/>
          </a:prstGeom>
          <a:noFill/>
          <a:extLst>
            <a:ext uri="{909E8E84-426E-40DD-AFC4-6F175D3DCCD1}">
              <a14:hiddenFill xmlns:a14="http://schemas.microsoft.com/office/drawing/2010/main">
                <a:solidFill>
                  <a:srgbClr val="FFFFFF"/>
                </a:solidFill>
              </a14:hiddenFill>
            </a:ext>
          </a:extLst>
        </p:spPr>
      </p:pic>
      <p:pic>
        <p:nvPicPr>
          <p:cNvPr id="5" name="Billede 4">
            <a:extLst>
              <a:ext uri="{FF2B5EF4-FFF2-40B4-BE49-F238E27FC236}">
                <a16:creationId xmlns:a16="http://schemas.microsoft.com/office/drawing/2014/main" id="{1A9B3936-CCC1-30CC-7B73-9D134AD58F59}"/>
              </a:ext>
            </a:extLst>
          </p:cNvPr>
          <p:cNvPicPr>
            <a:picLocks noChangeAspect="1"/>
          </p:cNvPicPr>
          <p:nvPr/>
        </p:nvPicPr>
        <p:blipFill>
          <a:blip r:embed="rId3">
            <a:clrChange>
              <a:clrFrom>
                <a:srgbClr val="FFFFFF"/>
              </a:clrFrom>
              <a:clrTo>
                <a:srgbClr val="FFFFFF">
                  <a:alpha val="0"/>
                </a:srgbClr>
              </a:clrTo>
            </a:clrChange>
          </a:blip>
          <a:stretch>
            <a:fillRect/>
          </a:stretch>
        </p:blipFill>
        <p:spPr>
          <a:xfrm>
            <a:off x="619594" y="239843"/>
            <a:ext cx="750778" cy="674557"/>
          </a:xfrm>
          <a:prstGeom prst="rect">
            <a:avLst/>
          </a:prstGeom>
        </p:spPr>
      </p:pic>
    </p:spTree>
    <p:extLst>
      <p:ext uri="{BB962C8B-B14F-4D97-AF65-F5344CB8AC3E}">
        <p14:creationId xmlns:p14="http://schemas.microsoft.com/office/powerpoint/2010/main" val="98498827"/>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5" name="Pladsholder til billede 8" descr="Et billede, der indeholder plante, Hylder/reoler, hylde, design&#10;&#10;Automatisk genereret beskrivelse">
            <a:extLst>
              <a:ext uri="{FF2B5EF4-FFF2-40B4-BE49-F238E27FC236}">
                <a16:creationId xmlns:a16="http://schemas.microsoft.com/office/drawing/2014/main" id="{5AA00DC3-3651-E2D0-8B91-311EECE40509}"/>
              </a:ext>
            </a:extLst>
          </p:cNvPr>
          <p:cNvPicPr>
            <a:picLocks noChangeAspect="1"/>
          </p:cNvPicPr>
          <p:nvPr/>
        </p:nvPicPr>
        <p:blipFill rotWithShape="1">
          <a:blip r:embed="rId2"/>
          <a:srcRect t="24553" r="1" b="5737"/>
          <a:stretch/>
        </p:blipFill>
        <p:spPr>
          <a:xfrm>
            <a:off x="11077508" y="0"/>
            <a:ext cx="5991292" cy="9601190"/>
          </a:xfrm>
          <a:prstGeom prst="rect">
            <a:avLst/>
          </a:prstGeom>
          <a:noFill/>
        </p:spPr>
      </p:pic>
      <p:sp>
        <p:nvSpPr>
          <p:cNvPr id="14" name="Text Placeholder 2">
            <a:extLst>
              <a:ext uri="{FF2B5EF4-FFF2-40B4-BE49-F238E27FC236}">
                <a16:creationId xmlns:a16="http://schemas.microsoft.com/office/drawing/2014/main" id="{B853BE9C-2C00-EF89-7E7A-C89A64549986}"/>
              </a:ext>
            </a:extLst>
          </p:cNvPr>
          <p:cNvSpPr>
            <a:spLocks noGrp="1"/>
          </p:cNvSpPr>
          <p:nvPr>
            <p:ph type="body" sz="quarter" idx="15"/>
          </p:nvPr>
        </p:nvSpPr>
        <p:spPr>
          <a:xfrm>
            <a:off x="1611998" y="2728600"/>
            <a:ext cx="5328447" cy="3408461"/>
          </a:xfrm>
        </p:spPr>
        <p:txBody>
          <a:bodyPr>
            <a:normAutofit/>
          </a:bodyPr>
          <a:lstStyle/>
          <a:p>
            <a:r>
              <a:rPr lang="da-DK" dirty="0"/>
              <a:t>Region Hovedstadens Strategi for Bæredygtigt Byggeri  </a:t>
            </a:r>
          </a:p>
        </p:txBody>
      </p:sp>
      <p:sp>
        <p:nvSpPr>
          <p:cNvPr id="4" name="Pladsholder til slidenummer 3" hidden="1">
            <a:extLst>
              <a:ext uri="{FF2B5EF4-FFF2-40B4-BE49-F238E27FC236}">
                <a16:creationId xmlns:a16="http://schemas.microsoft.com/office/drawing/2014/main" id="{BD22EFB6-78E1-8612-21BC-EE2933CAC8B8}"/>
              </a:ext>
            </a:extLst>
          </p:cNvPr>
          <p:cNvSpPr>
            <a:spLocks noGrp="1"/>
          </p:cNvSpPr>
          <p:nvPr>
            <p:ph type="sldNum" sz="quarter" idx="4294967295"/>
          </p:nvPr>
        </p:nvSpPr>
        <p:spPr>
          <a:xfrm>
            <a:off x="13462611" y="8980814"/>
            <a:ext cx="721755" cy="499617"/>
          </a:xfrm>
          <a:prstGeom prst="rect">
            <a:avLst/>
          </a:prstGeom>
        </p:spPr>
        <p:txBody>
          <a:bodyPr/>
          <a:lstStyle/>
          <a:p>
            <a:pPr>
              <a:spcAft>
                <a:spcPts val="600"/>
              </a:spcAft>
            </a:pPr>
            <a:fld id="{667EC89C-17A0-4E64-A6D2-B825673CEEDF}" type="slidenum">
              <a:rPr lang="da-DK" smtClean="0"/>
              <a:pPr>
                <a:spcAft>
                  <a:spcPts val="600"/>
                </a:spcAft>
              </a:pPr>
              <a:t>3</a:t>
            </a:fld>
            <a:endParaRPr lang="da-DK"/>
          </a:p>
        </p:txBody>
      </p:sp>
      <p:pic>
        <p:nvPicPr>
          <p:cNvPr id="2" name="Billede 1">
            <a:extLst>
              <a:ext uri="{FF2B5EF4-FFF2-40B4-BE49-F238E27FC236}">
                <a16:creationId xmlns:a16="http://schemas.microsoft.com/office/drawing/2014/main" id="{C0499F16-3622-29C7-7D76-0DCDE262071F}"/>
              </a:ext>
            </a:extLst>
          </p:cNvPr>
          <p:cNvPicPr>
            <a:picLocks noChangeAspect="1"/>
          </p:cNvPicPr>
          <p:nvPr/>
        </p:nvPicPr>
        <p:blipFill>
          <a:blip r:embed="rId3">
            <a:clrChange>
              <a:clrFrom>
                <a:srgbClr val="FFFFFF"/>
              </a:clrFrom>
              <a:clrTo>
                <a:srgbClr val="FFFFFF">
                  <a:alpha val="0"/>
                </a:srgbClr>
              </a:clrTo>
            </a:clrChange>
          </a:blip>
          <a:stretch>
            <a:fillRect/>
          </a:stretch>
        </p:blipFill>
        <p:spPr>
          <a:xfrm>
            <a:off x="619594" y="239843"/>
            <a:ext cx="750778" cy="674557"/>
          </a:xfrm>
          <a:prstGeom prst="rect">
            <a:avLst/>
          </a:prstGeom>
        </p:spPr>
      </p:pic>
    </p:spTree>
    <p:extLst>
      <p:ext uri="{BB962C8B-B14F-4D97-AF65-F5344CB8AC3E}">
        <p14:creationId xmlns:p14="http://schemas.microsoft.com/office/powerpoint/2010/main" val="1337012911"/>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Pladsholder til slidenummer 3">
            <a:extLst>
              <a:ext uri="{FF2B5EF4-FFF2-40B4-BE49-F238E27FC236}">
                <a16:creationId xmlns:a16="http://schemas.microsoft.com/office/drawing/2014/main" id="{CAEC38FB-7D7A-060A-63C3-059963E67C4C}"/>
              </a:ext>
            </a:extLst>
          </p:cNvPr>
          <p:cNvSpPr>
            <a:spLocks noGrp="1"/>
          </p:cNvSpPr>
          <p:nvPr>
            <p:ph type="sldNum" sz="quarter" idx="12"/>
          </p:nvPr>
        </p:nvSpPr>
        <p:spPr/>
        <p:txBody>
          <a:bodyPr/>
          <a:lstStyle/>
          <a:p>
            <a:fld id="{667EC89C-17A0-4E64-A6D2-B825673CEEDF}" type="slidenum">
              <a:rPr lang="da-DK" smtClean="0"/>
              <a:pPr/>
              <a:t>4</a:t>
            </a:fld>
            <a:endParaRPr lang="da-DK" dirty="0"/>
          </a:p>
        </p:txBody>
      </p:sp>
      <p:sp>
        <p:nvSpPr>
          <p:cNvPr id="6" name="Titel 6">
            <a:extLst>
              <a:ext uri="{FF2B5EF4-FFF2-40B4-BE49-F238E27FC236}">
                <a16:creationId xmlns:a16="http://schemas.microsoft.com/office/drawing/2014/main" id="{D8113380-128F-F6FE-4F46-B3AC10E9C5CA}"/>
              </a:ext>
            </a:extLst>
          </p:cNvPr>
          <p:cNvSpPr txBox="1">
            <a:spLocks/>
          </p:cNvSpPr>
          <p:nvPr/>
        </p:nvSpPr>
        <p:spPr>
          <a:xfrm>
            <a:off x="10082412" y="1220167"/>
            <a:ext cx="5318454" cy="972463"/>
          </a:xfrm>
          <a:prstGeom prst="rect">
            <a:avLst/>
          </a:prstGeom>
        </p:spPr>
        <p:txBody>
          <a:bodyPr/>
          <a:lstStyle>
            <a:lvl1pPr algn="l" defTabSz="960120" rtl="0" eaLnBrk="1" latinLnBrk="0" hangingPunct="1">
              <a:lnSpc>
                <a:spcPct val="90000"/>
              </a:lnSpc>
              <a:spcBef>
                <a:spcPct val="0"/>
              </a:spcBef>
              <a:buNone/>
              <a:defRPr sz="3675" b="1" kern="1200">
                <a:solidFill>
                  <a:srgbClr val="286E3C"/>
                </a:solidFill>
                <a:latin typeface="Mari-Bold" panose="020B0000000000000000" pitchFamily="34" charset="0"/>
                <a:ea typeface="+mj-ea"/>
                <a:cs typeface="+mj-cs"/>
              </a:defRPr>
            </a:lvl1pPr>
          </a:lstStyle>
          <a:p>
            <a:r>
              <a:rPr lang="da-DK" sz="4000" dirty="0"/>
              <a:t>Vores vision:</a:t>
            </a:r>
            <a:br>
              <a:rPr lang="da-DK" sz="4000" dirty="0"/>
            </a:br>
            <a:r>
              <a:rPr lang="da-DK" sz="4000" dirty="0"/>
              <a:t>”Vi bygger på omtanke”</a:t>
            </a:r>
          </a:p>
        </p:txBody>
      </p:sp>
      <p:grpSp>
        <p:nvGrpSpPr>
          <p:cNvPr id="7" name="Gruppe 6">
            <a:extLst>
              <a:ext uri="{FF2B5EF4-FFF2-40B4-BE49-F238E27FC236}">
                <a16:creationId xmlns:a16="http://schemas.microsoft.com/office/drawing/2014/main" id="{C960169B-CF87-B876-38E3-75A14AB65729}"/>
              </a:ext>
            </a:extLst>
          </p:cNvPr>
          <p:cNvGrpSpPr/>
          <p:nvPr/>
        </p:nvGrpSpPr>
        <p:grpSpPr>
          <a:xfrm>
            <a:off x="1783831" y="2122721"/>
            <a:ext cx="9878518" cy="6928002"/>
            <a:chOff x="4537096" y="1340768"/>
            <a:chExt cx="7041192" cy="4896544"/>
          </a:xfrm>
        </p:grpSpPr>
        <p:grpSp>
          <p:nvGrpSpPr>
            <p:cNvPr id="8" name="Gruppe 7">
              <a:extLst>
                <a:ext uri="{FF2B5EF4-FFF2-40B4-BE49-F238E27FC236}">
                  <a16:creationId xmlns:a16="http://schemas.microsoft.com/office/drawing/2014/main" id="{93189334-564F-6904-5EB6-0ED4ECAE0410}"/>
                </a:ext>
              </a:extLst>
            </p:cNvPr>
            <p:cNvGrpSpPr/>
            <p:nvPr/>
          </p:nvGrpSpPr>
          <p:grpSpPr>
            <a:xfrm>
              <a:off x="4537096" y="1340768"/>
              <a:ext cx="7041192" cy="4896544"/>
              <a:chOff x="4888957" y="1340768"/>
              <a:chExt cx="6689332" cy="4680520"/>
            </a:xfrm>
          </p:grpSpPr>
          <p:grpSp>
            <p:nvGrpSpPr>
              <p:cNvPr id="10" name="Gruppe 9">
                <a:extLst>
                  <a:ext uri="{FF2B5EF4-FFF2-40B4-BE49-F238E27FC236}">
                    <a16:creationId xmlns:a16="http://schemas.microsoft.com/office/drawing/2014/main" id="{184BC33E-88D5-1190-7DCA-E339E64D00E1}"/>
                  </a:ext>
                </a:extLst>
              </p:cNvPr>
              <p:cNvGrpSpPr/>
              <p:nvPr/>
            </p:nvGrpSpPr>
            <p:grpSpPr>
              <a:xfrm>
                <a:off x="5087888" y="1340768"/>
                <a:ext cx="6490401" cy="4320480"/>
                <a:chOff x="5087888" y="1340768"/>
                <a:chExt cx="6490401" cy="4320480"/>
              </a:xfrm>
            </p:grpSpPr>
            <p:grpSp>
              <p:nvGrpSpPr>
                <p:cNvPr id="20" name="Gruppe 19">
                  <a:extLst>
                    <a:ext uri="{FF2B5EF4-FFF2-40B4-BE49-F238E27FC236}">
                      <a16:creationId xmlns:a16="http://schemas.microsoft.com/office/drawing/2014/main" id="{86F25641-55C1-FB73-3973-119D2B1FE58F}"/>
                    </a:ext>
                  </a:extLst>
                </p:cNvPr>
                <p:cNvGrpSpPr/>
                <p:nvPr/>
              </p:nvGrpSpPr>
              <p:grpSpPr>
                <a:xfrm>
                  <a:off x="5087888" y="1340768"/>
                  <a:ext cx="6490401" cy="4320480"/>
                  <a:chOff x="5087888" y="1340768"/>
                  <a:chExt cx="6490401" cy="4320480"/>
                </a:xfrm>
              </p:grpSpPr>
              <p:grpSp>
                <p:nvGrpSpPr>
                  <p:cNvPr id="22" name="Gruppe 21">
                    <a:extLst>
                      <a:ext uri="{FF2B5EF4-FFF2-40B4-BE49-F238E27FC236}">
                        <a16:creationId xmlns:a16="http://schemas.microsoft.com/office/drawing/2014/main" id="{5A2E9A43-B2CE-A6C5-6469-B61C49B261AD}"/>
                      </a:ext>
                    </a:extLst>
                  </p:cNvPr>
                  <p:cNvGrpSpPr/>
                  <p:nvPr/>
                </p:nvGrpSpPr>
                <p:grpSpPr>
                  <a:xfrm>
                    <a:off x="5087888" y="1340768"/>
                    <a:ext cx="6490401" cy="4320480"/>
                    <a:chOff x="6608068" y="1340768"/>
                    <a:chExt cx="4970221" cy="4086464"/>
                  </a:xfrm>
                </p:grpSpPr>
                <p:sp>
                  <p:nvSpPr>
                    <p:cNvPr id="26" name="Ligebenet trekant 25">
                      <a:extLst>
                        <a:ext uri="{FF2B5EF4-FFF2-40B4-BE49-F238E27FC236}">
                          <a16:creationId xmlns:a16="http://schemas.microsoft.com/office/drawing/2014/main" id="{BEEE3B47-52B0-5DA3-D3F1-14B0635BEEBB}"/>
                        </a:ext>
                      </a:extLst>
                    </p:cNvPr>
                    <p:cNvSpPr/>
                    <p:nvPr/>
                  </p:nvSpPr>
                  <p:spPr>
                    <a:xfrm>
                      <a:off x="6608068" y="1340768"/>
                      <a:ext cx="4951979" cy="1125032"/>
                    </a:xfrm>
                    <a:custGeom>
                      <a:avLst/>
                      <a:gdLst>
                        <a:gd name="connsiteX0" fmla="*/ 0 w 4951979"/>
                        <a:gd name="connsiteY0" fmla="*/ 1125032 h 1125032"/>
                        <a:gd name="connsiteX1" fmla="*/ 594238 w 4951979"/>
                        <a:gd name="connsiteY1" fmla="*/ 855024 h 1125032"/>
                        <a:gd name="connsiteX2" fmla="*/ 1138955 w 4951979"/>
                        <a:gd name="connsiteY2" fmla="*/ 607517 h 1125032"/>
                        <a:gd name="connsiteX3" fmla="*/ 1807473 w 4951979"/>
                        <a:gd name="connsiteY3" fmla="*/ 303759 h 1125032"/>
                        <a:gd name="connsiteX4" fmla="*/ 2475990 w 4951979"/>
                        <a:gd name="connsiteY4" fmla="*/ 0 h 1125032"/>
                        <a:gd name="connsiteX5" fmla="*/ 3070227 w 4951979"/>
                        <a:gd name="connsiteY5" fmla="*/ 270008 h 1125032"/>
                        <a:gd name="connsiteX6" fmla="*/ 3639705 w 4951979"/>
                        <a:gd name="connsiteY6" fmla="*/ 528765 h 1125032"/>
                        <a:gd name="connsiteX7" fmla="*/ 4258702 w 4951979"/>
                        <a:gd name="connsiteY7" fmla="*/ 810023 h 1125032"/>
                        <a:gd name="connsiteX8" fmla="*/ 4951979 w 4951979"/>
                        <a:gd name="connsiteY8" fmla="*/ 1125032 h 1125032"/>
                        <a:gd name="connsiteX9" fmla="*/ 4432021 w 4951979"/>
                        <a:gd name="connsiteY9" fmla="*/ 1125032 h 1125032"/>
                        <a:gd name="connsiteX10" fmla="*/ 3813024 w 4951979"/>
                        <a:gd name="connsiteY10" fmla="*/ 1125032 h 1125032"/>
                        <a:gd name="connsiteX11" fmla="*/ 3194026 w 4951979"/>
                        <a:gd name="connsiteY11" fmla="*/ 1125032 h 1125032"/>
                        <a:gd name="connsiteX12" fmla="*/ 2624549 w 4951979"/>
                        <a:gd name="connsiteY12" fmla="*/ 1125032 h 1125032"/>
                        <a:gd name="connsiteX13" fmla="*/ 1906512 w 4951979"/>
                        <a:gd name="connsiteY13" fmla="*/ 1125032 h 1125032"/>
                        <a:gd name="connsiteX14" fmla="*/ 1188475 w 4951979"/>
                        <a:gd name="connsiteY14" fmla="*/ 1125032 h 1125032"/>
                        <a:gd name="connsiteX15" fmla="*/ 668517 w 4951979"/>
                        <a:gd name="connsiteY15" fmla="*/ 1125032 h 1125032"/>
                        <a:gd name="connsiteX16" fmla="*/ 0 w 4951979"/>
                        <a:gd name="connsiteY16" fmla="*/ 1125032 h 112503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Lst>
                      <a:rect l="l" t="t" r="r" b="b"/>
                      <a:pathLst>
                        <a:path w="4951979" h="1125032" extrusionOk="0">
                          <a:moveTo>
                            <a:pt x="0" y="1125032"/>
                          </a:moveTo>
                          <a:cubicBezTo>
                            <a:pt x="150031" y="1061301"/>
                            <a:pt x="444935" y="945889"/>
                            <a:pt x="594238" y="855024"/>
                          </a:cubicBezTo>
                          <a:cubicBezTo>
                            <a:pt x="743541" y="764159"/>
                            <a:pt x="966580" y="661313"/>
                            <a:pt x="1138955" y="607517"/>
                          </a:cubicBezTo>
                          <a:cubicBezTo>
                            <a:pt x="1311330" y="553722"/>
                            <a:pt x="1607878" y="390613"/>
                            <a:pt x="1807473" y="303759"/>
                          </a:cubicBezTo>
                          <a:cubicBezTo>
                            <a:pt x="2007067" y="216904"/>
                            <a:pt x="2201063" y="131364"/>
                            <a:pt x="2475990" y="0"/>
                          </a:cubicBezTo>
                          <a:cubicBezTo>
                            <a:pt x="2609657" y="74035"/>
                            <a:pt x="2852435" y="136629"/>
                            <a:pt x="3070227" y="270008"/>
                          </a:cubicBezTo>
                          <a:cubicBezTo>
                            <a:pt x="3288020" y="403387"/>
                            <a:pt x="3395554" y="398791"/>
                            <a:pt x="3639705" y="528765"/>
                          </a:cubicBezTo>
                          <a:cubicBezTo>
                            <a:pt x="3883856" y="658740"/>
                            <a:pt x="4068858" y="697930"/>
                            <a:pt x="4258702" y="810023"/>
                          </a:cubicBezTo>
                          <a:cubicBezTo>
                            <a:pt x="4448546" y="922116"/>
                            <a:pt x="4676513" y="1040833"/>
                            <a:pt x="4951979" y="1125032"/>
                          </a:cubicBezTo>
                          <a:cubicBezTo>
                            <a:pt x="4756016" y="1148252"/>
                            <a:pt x="4590139" y="1118023"/>
                            <a:pt x="4432021" y="1125032"/>
                          </a:cubicBezTo>
                          <a:cubicBezTo>
                            <a:pt x="4273903" y="1132041"/>
                            <a:pt x="4058246" y="1153302"/>
                            <a:pt x="3813024" y="1125032"/>
                          </a:cubicBezTo>
                          <a:cubicBezTo>
                            <a:pt x="3567802" y="1096762"/>
                            <a:pt x="3423285" y="1098122"/>
                            <a:pt x="3194026" y="1125032"/>
                          </a:cubicBezTo>
                          <a:cubicBezTo>
                            <a:pt x="2964767" y="1151942"/>
                            <a:pt x="2849515" y="1149841"/>
                            <a:pt x="2624549" y="1125032"/>
                          </a:cubicBezTo>
                          <a:cubicBezTo>
                            <a:pt x="2399583" y="1100223"/>
                            <a:pt x="2155182" y="1150155"/>
                            <a:pt x="1906512" y="1125032"/>
                          </a:cubicBezTo>
                          <a:cubicBezTo>
                            <a:pt x="1657842" y="1099909"/>
                            <a:pt x="1341890" y="1119887"/>
                            <a:pt x="1188475" y="1125032"/>
                          </a:cubicBezTo>
                          <a:cubicBezTo>
                            <a:pt x="1035060" y="1130177"/>
                            <a:pt x="859116" y="1123165"/>
                            <a:pt x="668517" y="1125032"/>
                          </a:cubicBezTo>
                          <a:cubicBezTo>
                            <a:pt x="477918" y="1126899"/>
                            <a:pt x="206934" y="1151104"/>
                            <a:pt x="0" y="1125032"/>
                          </a:cubicBezTo>
                          <a:close/>
                        </a:path>
                      </a:pathLst>
                    </a:custGeom>
                    <a:noFill/>
                    <a:ln w="9525">
                      <a:solidFill>
                        <a:schemeClr val="bg1"/>
                      </a:solidFill>
                      <a:extLst>
                        <a:ext uri="{C807C97D-BFC1-408E-A445-0C87EB9F89A2}">
                          <ask:lineSketchStyleProps xmlns:ask="http://schemas.microsoft.com/office/drawing/2018/sketchyshapes" sd="1219033472">
                            <a:prstGeom prst="triangle">
                              <a:avLst/>
                            </a:prstGeom>
                            <ask:type>
                              <ask:lineSketchFreehand/>
                            </ask:type>
                          </ask:lineSketchStyleProps>
                        </a:ext>
                      </a:extLst>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da-DK" dirty="0" err="1"/>
                    </a:p>
                  </p:txBody>
                </p:sp>
                <p:sp>
                  <p:nvSpPr>
                    <p:cNvPr id="27" name="Rektangel 26">
                      <a:extLst>
                        <a:ext uri="{FF2B5EF4-FFF2-40B4-BE49-F238E27FC236}">
                          <a16:creationId xmlns:a16="http://schemas.microsoft.com/office/drawing/2014/main" id="{22886769-4681-8432-A47D-0C0329086055}"/>
                        </a:ext>
                      </a:extLst>
                    </p:cNvPr>
                    <p:cNvSpPr/>
                    <p:nvPr/>
                  </p:nvSpPr>
                  <p:spPr>
                    <a:xfrm>
                      <a:off x="6608069" y="2465800"/>
                      <a:ext cx="1648171" cy="2403360"/>
                    </a:xfrm>
                    <a:custGeom>
                      <a:avLst/>
                      <a:gdLst>
                        <a:gd name="connsiteX0" fmla="*/ 0 w 1648171"/>
                        <a:gd name="connsiteY0" fmla="*/ 0 h 2403360"/>
                        <a:gd name="connsiteX1" fmla="*/ 532909 w 1648171"/>
                        <a:gd name="connsiteY1" fmla="*/ 0 h 2403360"/>
                        <a:gd name="connsiteX2" fmla="*/ 1032854 w 1648171"/>
                        <a:gd name="connsiteY2" fmla="*/ 0 h 2403360"/>
                        <a:gd name="connsiteX3" fmla="*/ 1648171 w 1648171"/>
                        <a:gd name="connsiteY3" fmla="*/ 0 h 2403360"/>
                        <a:gd name="connsiteX4" fmla="*/ 1648171 w 1648171"/>
                        <a:gd name="connsiteY4" fmla="*/ 576806 h 2403360"/>
                        <a:gd name="connsiteX5" fmla="*/ 1648171 w 1648171"/>
                        <a:gd name="connsiteY5" fmla="*/ 1129579 h 2403360"/>
                        <a:gd name="connsiteX6" fmla="*/ 1648171 w 1648171"/>
                        <a:gd name="connsiteY6" fmla="*/ 1682352 h 2403360"/>
                        <a:gd name="connsiteX7" fmla="*/ 1648171 w 1648171"/>
                        <a:gd name="connsiteY7" fmla="*/ 2403360 h 2403360"/>
                        <a:gd name="connsiteX8" fmla="*/ 1098781 w 1648171"/>
                        <a:gd name="connsiteY8" fmla="*/ 2403360 h 2403360"/>
                        <a:gd name="connsiteX9" fmla="*/ 598835 w 1648171"/>
                        <a:gd name="connsiteY9" fmla="*/ 2403360 h 2403360"/>
                        <a:gd name="connsiteX10" fmla="*/ 0 w 1648171"/>
                        <a:gd name="connsiteY10" fmla="*/ 2403360 h 2403360"/>
                        <a:gd name="connsiteX11" fmla="*/ 0 w 1648171"/>
                        <a:gd name="connsiteY11" fmla="*/ 1802520 h 2403360"/>
                        <a:gd name="connsiteX12" fmla="*/ 0 w 1648171"/>
                        <a:gd name="connsiteY12" fmla="*/ 1177646 h 2403360"/>
                        <a:gd name="connsiteX13" fmla="*/ 0 w 1648171"/>
                        <a:gd name="connsiteY13" fmla="*/ 600840 h 2403360"/>
                        <a:gd name="connsiteX14" fmla="*/ 0 w 1648171"/>
                        <a:gd name="connsiteY14" fmla="*/ 0 h 240336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Lst>
                      <a:rect l="l" t="t" r="r" b="b"/>
                      <a:pathLst>
                        <a:path w="1648171" h="2403360" extrusionOk="0">
                          <a:moveTo>
                            <a:pt x="0" y="0"/>
                          </a:moveTo>
                          <a:cubicBezTo>
                            <a:pt x="200872" y="20067"/>
                            <a:pt x="370875" y="10353"/>
                            <a:pt x="532909" y="0"/>
                          </a:cubicBezTo>
                          <a:cubicBezTo>
                            <a:pt x="694943" y="-10353"/>
                            <a:pt x="827210" y="9750"/>
                            <a:pt x="1032854" y="0"/>
                          </a:cubicBezTo>
                          <a:cubicBezTo>
                            <a:pt x="1238498" y="-9750"/>
                            <a:pt x="1385051" y="-20361"/>
                            <a:pt x="1648171" y="0"/>
                          </a:cubicBezTo>
                          <a:cubicBezTo>
                            <a:pt x="1658109" y="235293"/>
                            <a:pt x="1649876" y="394469"/>
                            <a:pt x="1648171" y="576806"/>
                          </a:cubicBezTo>
                          <a:cubicBezTo>
                            <a:pt x="1646466" y="759143"/>
                            <a:pt x="1669605" y="986525"/>
                            <a:pt x="1648171" y="1129579"/>
                          </a:cubicBezTo>
                          <a:cubicBezTo>
                            <a:pt x="1626737" y="1272633"/>
                            <a:pt x="1655824" y="1439614"/>
                            <a:pt x="1648171" y="1682352"/>
                          </a:cubicBezTo>
                          <a:cubicBezTo>
                            <a:pt x="1640518" y="1925090"/>
                            <a:pt x="1663201" y="2242608"/>
                            <a:pt x="1648171" y="2403360"/>
                          </a:cubicBezTo>
                          <a:cubicBezTo>
                            <a:pt x="1430046" y="2399640"/>
                            <a:pt x="1321173" y="2411894"/>
                            <a:pt x="1098781" y="2403360"/>
                          </a:cubicBezTo>
                          <a:cubicBezTo>
                            <a:pt x="876389" y="2394827"/>
                            <a:pt x="841324" y="2406611"/>
                            <a:pt x="598835" y="2403360"/>
                          </a:cubicBezTo>
                          <a:cubicBezTo>
                            <a:pt x="356346" y="2400109"/>
                            <a:pt x="238240" y="2398733"/>
                            <a:pt x="0" y="2403360"/>
                          </a:cubicBezTo>
                          <a:cubicBezTo>
                            <a:pt x="8312" y="2253369"/>
                            <a:pt x="-22788" y="1981115"/>
                            <a:pt x="0" y="1802520"/>
                          </a:cubicBezTo>
                          <a:cubicBezTo>
                            <a:pt x="22788" y="1623925"/>
                            <a:pt x="19550" y="1478151"/>
                            <a:pt x="0" y="1177646"/>
                          </a:cubicBezTo>
                          <a:cubicBezTo>
                            <a:pt x="-19550" y="877141"/>
                            <a:pt x="-6931" y="873856"/>
                            <a:pt x="0" y="600840"/>
                          </a:cubicBezTo>
                          <a:cubicBezTo>
                            <a:pt x="6931" y="327824"/>
                            <a:pt x="4911" y="159432"/>
                            <a:pt x="0" y="0"/>
                          </a:cubicBezTo>
                          <a:close/>
                        </a:path>
                      </a:pathLst>
                    </a:custGeom>
                    <a:noFill/>
                    <a:ln w="9525">
                      <a:solidFill>
                        <a:schemeClr val="bg1"/>
                      </a:solidFill>
                      <a:extLst>
                        <a:ext uri="{C807C97D-BFC1-408E-A445-0C87EB9F89A2}">
                          <ask:lineSketchStyleProps xmlns:ask="http://schemas.microsoft.com/office/drawing/2018/sketchyshapes" sd="1219033472">
                            <a:prstGeom prst="rect">
                              <a:avLst/>
                            </a:prstGeom>
                            <ask:type>
                              <ask:lineSketchFreehand/>
                            </ask:type>
                          </ask:lineSketchStyleProps>
                        </a:ext>
                      </a:extLst>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da-DK" dirty="0" err="1"/>
                    </a:p>
                  </p:txBody>
                </p:sp>
                <p:sp>
                  <p:nvSpPr>
                    <p:cNvPr id="28" name="Rektangel 27">
                      <a:extLst>
                        <a:ext uri="{FF2B5EF4-FFF2-40B4-BE49-F238E27FC236}">
                          <a16:creationId xmlns:a16="http://schemas.microsoft.com/office/drawing/2014/main" id="{BA64D768-5656-5D6C-218A-E70F5E75A5C5}"/>
                        </a:ext>
                      </a:extLst>
                    </p:cNvPr>
                    <p:cNvSpPr/>
                    <p:nvPr/>
                  </p:nvSpPr>
                  <p:spPr>
                    <a:xfrm>
                      <a:off x="8259086" y="2465800"/>
                      <a:ext cx="1648171" cy="2403360"/>
                    </a:xfrm>
                    <a:custGeom>
                      <a:avLst/>
                      <a:gdLst>
                        <a:gd name="connsiteX0" fmla="*/ 0 w 1648171"/>
                        <a:gd name="connsiteY0" fmla="*/ 0 h 2403360"/>
                        <a:gd name="connsiteX1" fmla="*/ 549390 w 1648171"/>
                        <a:gd name="connsiteY1" fmla="*/ 0 h 2403360"/>
                        <a:gd name="connsiteX2" fmla="*/ 1115262 w 1648171"/>
                        <a:gd name="connsiteY2" fmla="*/ 0 h 2403360"/>
                        <a:gd name="connsiteX3" fmla="*/ 1648171 w 1648171"/>
                        <a:gd name="connsiteY3" fmla="*/ 0 h 2403360"/>
                        <a:gd name="connsiteX4" fmla="*/ 1648171 w 1648171"/>
                        <a:gd name="connsiteY4" fmla="*/ 624874 h 2403360"/>
                        <a:gd name="connsiteX5" fmla="*/ 1648171 w 1648171"/>
                        <a:gd name="connsiteY5" fmla="*/ 1153613 h 2403360"/>
                        <a:gd name="connsiteX6" fmla="*/ 1648171 w 1648171"/>
                        <a:gd name="connsiteY6" fmla="*/ 1682352 h 2403360"/>
                        <a:gd name="connsiteX7" fmla="*/ 1648171 w 1648171"/>
                        <a:gd name="connsiteY7" fmla="*/ 2403360 h 2403360"/>
                        <a:gd name="connsiteX8" fmla="*/ 1115262 w 1648171"/>
                        <a:gd name="connsiteY8" fmla="*/ 2403360 h 2403360"/>
                        <a:gd name="connsiteX9" fmla="*/ 582354 w 1648171"/>
                        <a:gd name="connsiteY9" fmla="*/ 2403360 h 2403360"/>
                        <a:gd name="connsiteX10" fmla="*/ 0 w 1648171"/>
                        <a:gd name="connsiteY10" fmla="*/ 2403360 h 2403360"/>
                        <a:gd name="connsiteX11" fmla="*/ 0 w 1648171"/>
                        <a:gd name="connsiteY11" fmla="*/ 1826554 h 2403360"/>
                        <a:gd name="connsiteX12" fmla="*/ 0 w 1648171"/>
                        <a:gd name="connsiteY12" fmla="*/ 1177646 h 2403360"/>
                        <a:gd name="connsiteX13" fmla="*/ 0 w 1648171"/>
                        <a:gd name="connsiteY13" fmla="*/ 528739 h 2403360"/>
                        <a:gd name="connsiteX14" fmla="*/ 0 w 1648171"/>
                        <a:gd name="connsiteY14" fmla="*/ 0 h 240336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Lst>
                      <a:rect l="l" t="t" r="r" b="b"/>
                      <a:pathLst>
                        <a:path w="1648171" h="2403360" extrusionOk="0">
                          <a:moveTo>
                            <a:pt x="0" y="0"/>
                          </a:moveTo>
                          <a:cubicBezTo>
                            <a:pt x="136014" y="18347"/>
                            <a:pt x="338551" y="-21262"/>
                            <a:pt x="549390" y="0"/>
                          </a:cubicBezTo>
                          <a:cubicBezTo>
                            <a:pt x="760229" y="21262"/>
                            <a:pt x="913561" y="-16206"/>
                            <a:pt x="1115262" y="0"/>
                          </a:cubicBezTo>
                          <a:cubicBezTo>
                            <a:pt x="1316963" y="16206"/>
                            <a:pt x="1435480" y="2007"/>
                            <a:pt x="1648171" y="0"/>
                          </a:cubicBezTo>
                          <a:cubicBezTo>
                            <a:pt x="1644200" y="271056"/>
                            <a:pt x="1668829" y="445500"/>
                            <a:pt x="1648171" y="624874"/>
                          </a:cubicBezTo>
                          <a:cubicBezTo>
                            <a:pt x="1627513" y="804248"/>
                            <a:pt x="1663114" y="979619"/>
                            <a:pt x="1648171" y="1153613"/>
                          </a:cubicBezTo>
                          <a:cubicBezTo>
                            <a:pt x="1633228" y="1327607"/>
                            <a:pt x="1635531" y="1529280"/>
                            <a:pt x="1648171" y="1682352"/>
                          </a:cubicBezTo>
                          <a:cubicBezTo>
                            <a:pt x="1660811" y="1835424"/>
                            <a:pt x="1680248" y="2058031"/>
                            <a:pt x="1648171" y="2403360"/>
                          </a:cubicBezTo>
                          <a:cubicBezTo>
                            <a:pt x="1383706" y="2385782"/>
                            <a:pt x="1334243" y="2390288"/>
                            <a:pt x="1115262" y="2403360"/>
                          </a:cubicBezTo>
                          <a:cubicBezTo>
                            <a:pt x="896281" y="2416432"/>
                            <a:pt x="838706" y="2389283"/>
                            <a:pt x="582354" y="2403360"/>
                          </a:cubicBezTo>
                          <a:cubicBezTo>
                            <a:pt x="326002" y="2417437"/>
                            <a:pt x="256650" y="2383828"/>
                            <a:pt x="0" y="2403360"/>
                          </a:cubicBezTo>
                          <a:cubicBezTo>
                            <a:pt x="25471" y="2135645"/>
                            <a:pt x="-22974" y="2075276"/>
                            <a:pt x="0" y="1826554"/>
                          </a:cubicBezTo>
                          <a:cubicBezTo>
                            <a:pt x="22974" y="1577832"/>
                            <a:pt x="3797" y="1491817"/>
                            <a:pt x="0" y="1177646"/>
                          </a:cubicBezTo>
                          <a:cubicBezTo>
                            <a:pt x="-3797" y="863475"/>
                            <a:pt x="-6617" y="695702"/>
                            <a:pt x="0" y="528739"/>
                          </a:cubicBezTo>
                          <a:cubicBezTo>
                            <a:pt x="6617" y="361776"/>
                            <a:pt x="-9845" y="240608"/>
                            <a:pt x="0" y="0"/>
                          </a:cubicBezTo>
                          <a:close/>
                        </a:path>
                      </a:pathLst>
                    </a:custGeom>
                    <a:noFill/>
                    <a:ln w="9525">
                      <a:solidFill>
                        <a:schemeClr val="bg1"/>
                      </a:solidFill>
                      <a:extLst>
                        <a:ext uri="{C807C97D-BFC1-408E-A445-0C87EB9F89A2}">
                          <ask:lineSketchStyleProps xmlns:ask="http://schemas.microsoft.com/office/drawing/2018/sketchyshapes" sd="399823571">
                            <a:prstGeom prst="rect">
                              <a:avLst/>
                            </a:prstGeom>
                            <ask:type>
                              <ask:lineSketchFreehand/>
                            </ask:type>
                          </ask:lineSketchStyleProps>
                        </a:ext>
                      </a:extLst>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da-DK" dirty="0" err="1"/>
                    </a:p>
                  </p:txBody>
                </p:sp>
                <p:sp>
                  <p:nvSpPr>
                    <p:cNvPr id="29" name="Rektangel 28">
                      <a:extLst>
                        <a:ext uri="{FF2B5EF4-FFF2-40B4-BE49-F238E27FC236}">
                          <a16:creationId xmlns:a16="http://schemas.microsoft.com/office/drawing/2014/main" id="{CEADB502-E09C-B6D2-CB3A-D8C90FB18A38}"/>
                        </a:ext>
                      </a:extLst>
                    </p:cNvPr>
                    <p:cNvSpPr/>
                    <p:nvPr/>
                  </p:nvSpPr>
                  <p:spPr>
                    <a:xfrm>
                      <a:off x="9911877" y="2465800"/>
                      <a:ext cx="1648171" cy="2403360"/>
                    </a:xfrm>
                    <a:custGeom>
                      <a:avLst/>
                      <a:gdLst>
                        <a:gd name="connsiteX0" fmla="*/ 0 w 1648171"/>
                        <a:gd name="connsiteY0" fmla="*/ 0 h 2403360"/>
                        <a:gd name="connsiteX1" fmla="*/ 582354 w 1648171"/>
                        <a:gd name="connsiteY1" fmla="*/ 0 h 2403360"/>
                        <a:gd name="connsiteX2" fmla="*/ 1131744 w 1648171"/>
                        <a:gd name="connsiteY2" fmla="*/ 0 h 2403360"/>
                        <a:gd name="connsiteX3" fmla="*/ 1648171 w 1648171"/>
                        <a:gd name="connsiteY3" fmla="*/ 0 h 2403360"/>
                        <a:gd name="connsiteX4" fmla="*/ 1648171 w 1648171"/>
                        <a:gd name="connsiteY4" fmla="*/ 600840 h 2403360"/>
                        <a:gd name="connsiteX5" fmla="*/ 1648171 w 1648171"/>
                        <a:gd name="connsiteY5" fmla="*/ 1201680 h 2403360"/>
                        <a:gd name="connsiteX6" fmla="*/ 1648171 w 1648171"/>
                        <a:gd name="connsiteY6" fmla="*/ 1754453 h 2403360"/>
                        <a:gd name="connsiteX7" fmla="*/ 1648171 w 1648171"/>
                        <a:gd name="connsiteY7" fmla="*/ 2403360 h 2403360"/>
                        <a:gd name="connsiteX8" fmla="*/ 1065817 w 1648171"/>
                        <a:gd name="connsiteY8" fmla="*/ 2403360 h 2403360"/>
                        <a:gd name="connsiteX9" fmla="*/ 516427 w 1648171"/>
                        <a:gd name="connsiteY9" fmla="*/ 2403360 h 2403360"/>
                        <a:gd name="connsiteX10" fmla="*/ 0 w 1648171"/>
                        <a:gd name="connsiteY10" fmla="*/ 2403360 h 2403360"/>
                        <a:gd name="connsiteX11" fmla="*/ 0 w 1648171"/>
                        <a:gd name="connsiteY11" fmla="*/ 1826554 h 2403360"/>
                        <a:gd name="connsiteX12" fmla="*/ 0 w 1648171"/>
                        <a:gd name="connsiteY12" fmla="*/ 1249747 h 2403360"/>
                        <a:gd name="connsiteX13" fmla="*/ 0 w 1648171"/>
                        <a:gd name="connsiteY13" fmla="*/ 600840 h 2403360"/>
                        <a:gd name="connsiteX14" fmla="*/ 0 w 1648171"/>
                        <a:gd name="connsiteY14" fmla="*/ 0 h 240336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Lst>
                      <a:rect l="l" t="t" r="r" b="b"/>
                      <a:pathLst>
                        <a:path w="1648171" h="2403360" extrusionOk="0">
                          <a:moveTo>
                            <a:pt x="0" y="0"/>
                          </a:moveTo>
                          <a:cubicBezTo>
                            <a:pt x="234842" y="-11435"/>
                            <a:pt x="335028" y="24279"/>
                            <a:pt x="582354" y="0"/>
                          </a:cubicBezTo>
                          <a:cubicBezTo>
                            <a:pt x="829680" y="-24279"/>
                            <a:pt x="975447" y="25118"/>
                            <a:pt x="1131744" y="0"/>
                          </a:cubicBezTo>
                          <a:cubicBezTo>
                            <a:pt x="1288041" y="-25118"/>
                            <a:pt x="1509925" y="12373"/>
                            <a:pt x="1648171" y="0"/>
                          </a:cubicBezTo>
                          <a:cubicBezTo>
                            <a:pt x="1647574" y="213328"/>
                            <a:pt x="1648715" y="374185"/>
                            <a:pt x="1648171" y="600840"/>
                          </a:cubicBezTo>
                          <a:cubicBezTo>
                            <a:pt x="1647627" y="827495"/>
                            <a:pt x="1628702" y="933235"/>
                            <a:pt x="1648171" y="1201680"/>
                          </a:cubicBezTo>
                          <a:cubicBezTo>
                            <a:pt x="1667640" y="1470125"/>
                            <a:pt x="1627062" y="1480433"/>
                            <a:pt x="1648171" y="1754453"/>
                          </a:cubicBezTo>
                          <a:cubicBezTo>
                            <a:pt x="1669280" y="2028473"/>
                            <a:pt x="1667560" y="2141298"/>
                            <a:pt x="1648171" y="2403360"/>
                          </a:cubicBezTo>
                          <a:cubicBezTo>
                            <a:pt x="1362278" y="2412730"/>
                            <a:pt x="1213369" y="2404691"/>
                            <a:pt x="1065817" y="2403360"/>
                          </a:cubicBezTo>
                          <a:cubicBezTo>
                            <a:pt x="918265" y="2402029"/>
                            <a:pt x="637450" y="2393378"/>
                            <a:pt x="516427" y="2403360"/>
                          </a:cubicBezTo>
                          <a:cubicBezTo>
                            <a:pt x="395404" y="2413343"/>
                            <a:pt x="185792" y="2394661"/>
                            <a:pt x="0" y="2403360"/>
                          </a:cubicBezTo>
                          <a:cubicBezTo>
                            <a:pt x="-8856" y="2207219"/>
                            <a:pt x="-3738" y="1956117"/>
                            <a:pt x="0" y="1826554"/>
                          </a:cubicBezTo>
                          <a:cubicBezTo>
                            <a:pt x="3738" y="1696991"/>
                            <a:pt x="-8387" y="1488671"/>
                            <a:pt x="0" y="1249747"/>
                          </a:cubicBezTo>
                          <a:cubicBezTo>
                            <a:pt x="8387" y="1010823"/>
                            <a:pt x="2606" y="808561"/>
                            <a:pt x="0" y="600840"/>
                          </a:cubicBezTo>
                          <a:cubicBezTo>
                            <a:pt x="-2606" y="393119"/>
                            <a:pt x="-18365" y="172393"/>
                            <a:pt x="0" y="0"/>
                          </a:cubicBezTo>
                          <a:close/>
                        </a:path>
                      </a:pathLst>
                    </a:custGeom>
                    <a:noFill/>
                    <a:ln w="9525">
                      <a:solidFill>
                        <a:schemeClr val="bg1"/>
                      </a:solidFill>
                      <a:extLst>
                        <a:ext uri="{C807C97D-BFC1-408E-A445-0C87EB9F89A2}">
                          <ask:lineSketchStyleProps xmlns:ask="http://schemas.microsoft.com/office/drawing/2018/sketchyshapes" sd="1453953587">
                            <a:prstGeom prst="rect">
                              <a:avLst/>
                            </a:prstGeom>
                            <ask:type>
                              <ask:lineSketchFreehand/>
                            </ask:type>
                          </ask:lineSketchStyleProps>
                        </a:ext>
                      </a:extLst>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da-DK" dirty="0" err="1"/>
                    </a:p>
                  </p:txBody>
                </p:sp>
                <p:sp>
                  <p:nvSpPr>
                    <p:cNvPr id="30" name="Rektangel 29">
                      <a:extLst>
                        <a:ext uri="{FF2B5EF4-FFF2-40B4-BE49-F238E27FC236}">
                          <a16:creationId xmlns:a16="http://schemas.microsoft.com/office/drawing/2014/main" id="{7EEA3C9D-B7FE-A424-860E-DA3EB810AE95}"/>
                        </a:ext>
                      </a:extLst>
                    </p:cNvPr>
                    <p:cNvSpPr/>
                    <p:nvPr/>
                  </p:nvSpPr>
                  <p:spPr>
                    <a:xfrm>
                      <a:off x="6608068" y="4923176"/>
                      <a:ext cx="4970221" cy="504056"/>
                    </a:xfrm>
                    <a:custGeom>
                      <a:avLst/>
                      <a:gdLst>
                        <a:gd name="connsiteX0" fmla="*/ 0 w 4970221"/>
                        <a:gd name="connsiteY0" fmla="*/ 0 h 504056"/>
                        <a:gd name="connsiteX1" fmla="*/ 571575 w 4970221"/>
                        <a:gd name="connsiteY1" fmla="*/ 0 h 504056"/>
                        <a:gd name="connsiteX2" fmla="*/ 1043746 w 4970221"/>
                        <a:gd name="connsiteY2" fmla="*/ 0 h 504056"/>
                        <a:gd name="connsiteX3" fmla="*/ 1764428 w 4970221"/>
                        <a:gd name="connsiteY3" fmla="*/ 0 h 504056"/>
                        <a:gd name="connsiteX4" fmla="*/ 2336004 w 4970221"/>
                        <a:gd name="connsiteY4" fmla="*/ 0 h 504056"/>
                        <a:gd name="connsiteX5" fmla="*/ 2907579 w 4970221"/>
                        <a:gd name="connsiteY5" fmla="*/ 0 h 504056"/>
                        <a:gd name="connsiteX6" fmla="*/ 3628261 w 4970221"/>
                        <a:gd name="connsiteY6" fmla="*/ 0 h 504056"/>
                        <a:gd name="connsiteX7" fmla="*/ 4150135 w 4970221"/>
                        <a:gd name="connsiteY7" fmla="*/ 0 h 504056"/>
                        <a:gd name="connsiteX8" fmla="*/ 4970221 w 4970221"/>
                        <a:gd name="connsiteY8" fmla="*/ 0 h 504056"/>
                        <a:gd name="connsiteX9" fmla="*/ 4970221 w 4970221"/>
                        <a:gd name="connsiteY9" fmla="*/ 504056 h 504056"/>
                        <a:gd name="connsiteX10" fmla="*/ 4448348 w 4970221"/>
                        <a:gd name="connsiteY10" fmla="*/ 504056 h 504056"/>
                        <a:gd name="connsiteX11" fmla="*/ 3827070 w 4970221"/>
                        <a:gd name="connsiteY11" fmla="*/ 504056 h 504056"/>
                        <a:gd name="connsiteX12" fmla="*/ 3255495 w 4970221"/>
                        <a:gd name="connsiteY12" fmla="*/ 504056 h 504056"/>
                        <a:gd name="connsiteX13" fmla="*/ 2534813 w 4970221"/>
                        <a:gd name="connsiteY13" fmla="*/ 504056 h 504056"/>
                        <a:gd name="connsiteX14" fmla="*/ 1814131 w 4970221"/>
                        <a:gd name="connsiteY14" fmla="*/ 504056 h 504056"/>
                        <a:gd name="connsiteX15" fmla="*/ 1292257 w 4970221"/>
                        <a:gd name="connsiteY15" fmla="*/ 504056 h 504056"/>
                        <a:gd name="connsiteX16" fmla="*/ 670980 w 4970221"/>
                        <a:gd name="connsiteY16" fmla="*/ 504056 h 504056"/>
                        <a:gd name="connsiteX17" fmla="*/ 0 w 4970221"/>
                        <a:gd name="connsiteY17" fmla="*/ 504056 h 504056"/>
                        <a:gd name="connsiteX18" fmla="*/ 0 w 4970221"/>
                        <a:gd name="connsiteY18" fmla="*/ 0 h 50405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Lst>
                      <a:rect l="l" t="t" r="r" b="b"/>
                      <a:pathLst>
                        <a:path w="4970221" h="504056" extrusionOk="0">
                          <a:moveTo>
                            <a:pt x="0" y="0"/>
                          </a:moveTo>
                          <a:cubicBezTo>
                            <a:pt x="221774" y="4611"/>
                            <a:pt x="436380" y="-9707"/>
                            <a:pt x="571575" y="0"/>
                          </a:cubicBezTo>
                          <a:cubicBezTo>
                            <a:pt x="706770" y="9707"/>
                            <a:pt x="895833" y="17804"/>
                            <a:pt x="1043746" y="0"/>
                          </a:cubicBezTo>
                          <a:cubicBezTo>
                            <a:pt x="1191659" y="-17804"/>
                            <a:pt x="1600045" y="7690"/>
                            <a:pt x="1764428" y="0"/>
                          </a:cubicBezTo>
                          <a:cubicBezTo>
                            <a:pt x="1928811" y="-7690"/>
                            <a:pt x="2154563" y="-27237"/>
                            <a:pt x="2336004" y="0"/>
                          </a:cubicBezTo>
                          <a:cubicBezTo>
                            <a:pt x="2517445" y="27237"/>
                            <a:pt x="2703146" y="23769"/>
                            <a:pt x="2907579" y="0"/>
                          </a:cubicBezTo>
                          <a:cubicBezTo>
                            <a:pt x="3112013" y="-23769"/>
                            <a:pt x="3351655" y="-35263"/>
                            <a:pt x="3628261" y="0"/>
                          </a:cubicBezTo>
                          <a:cubicBezTo>
                            <a:pt x="3904867" y="35263"/>
                            <a:pt x="4015079" y="-10675"/>
                            <a:pt x="4150135" y="0"/>
                          </a:cubicBezTo>
                          <a:cubicBezTo>
                            <a:pt x="4285191" y="10675"/>
                            <a:pt x="4707011" y="5322"/>
                            <a:pt x="4970221" y="0"/>
                          </a:cubicBezTo>
                          <a:cubicBezTo>
                            <a:pt x="4951876" y="202714"/>
                            <a:pt x="4947206" y="336809"/>
                            <a:pt x="4970221" y="504056"/>
                          </a:cubicBezTo>
                          <a:cubicBezTo>
                            <a:pt x="4749522" y="508129"/>
                            <a:pt x="4677938" y="484409"/>
                            <a:pt x="4448348" y="504056"/>
                          </a:cubicBezTo>
                          <a:cubicBezTo>
                            <a:pt x="4218758" y="523703"/>
                            <a:pt x="4083181" y="532759"/>
                            <a:pt x="3827070" y="504056"/>
                          </a:cubicBezTo>
                          <a:cubicBezTo>
                            <a:pt x="3570959" y="475353"/>
                            <a:pt x="3462108" y="516572"/>
                            <a:pt x="3255495" y="504056"/>
                          </a:cubicBezTo>
                          <a:cubicBezTo>
                            <a:pt x="3048882" y="491540"/>
                            <a:pt x="2757261" y="477315"/>
                            <a:pt x="2534813" y="504056"/>
                          </a:cubicBezTo>
                          <a:cubicBezTo>
                            <a:pt x="2312365" y="530797"/>
                            <a:pt x="2061322" y="472570"/>
                            <a:pt x="1814131" y="504056"/>
                          </a:cubicBezTo>
                          <a:cubicBezTo>
                            <a:pt x="1566940" y="535542"/>
                            <a:pt x="1408138" y="514250"/>
                            <a:pt x="1292257" y="504056"/>
                          </a:cubicBezTo>
                          <a:cubicBezTo>
                            <a:pt x="1176376" y="493862"/>
                            <a:pt x="924598" y="514341"/>
                            <a:pt x="670980" y="504056"/>
                          </a:cubicBezTo>
                          <a:cubicBezTo>
                            <a:pt x="417362" y="493771"/>
                            <a:pt x="144260" y="483633"/>
                            <a:pt x="0" y="504056"/>
                          </a:cubicBezTo>
                          <a:cubicBezTo>
                            <a:pt x="5882" y="375693"/>
                            <a:pt x="2473" y="209111"/>
                            <a:pt x="0" y="0"/>
                          </a:cubicBezTo>
                          <a:close/>
                        </a:path>
                      </a:pathLst>
                    </a:custGeom>
                    <a:noFill/>
                    <a:ln w="9525">
                      <a:solidFill>
                        <a:schemeClr val="bg1"/>
                      </a:solidFill>
                      <a:extLst>
                        <a:ext uri="{C807C97D-BFC1-408E-A445-0C87EB9F89A2}">
                          <ask:lineSketchStyleProps xmlns:ask="http://schemas.microsoft.com/office/drawing/2018/sketchyshapes" sd="1219033472">
                            <a:prstGeom prst="rect">
                              <a:avLst/>
                            </a:prstGeom>
                            <ask:type>
                              <ask:lineSketchFreehand/>
                            </ask:type>
                          </ask:lineSketchStyleProps>
                        </a:ext>
                      </a:extLst>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da-DK" dirty="0" err="1"/>
                    </a:p>
                  </p:txBody>
                </p:sp>
              </p:grpSp>
              <p:sp>
                <p:nvSpPr>
                  <p:cNvPr id="23" name="Tekstfelt 22">
                    <a:extLst>
                      <a:ext uri="{FF2B5EF4-FFF2-40B4-BE49-F238E27FC236}">
                        <a16:creationId xmlns:a16="http://schemas.microsoft.com/office/drawing/2014/main" id="{60ABC630-2F0E-CE3B-4D57-BD6FB76DE809}"/>
                      </a:ext>
                    </a:extLst>
                  </p:cNvPr>
                  <p:cNvSpPr txBox="1"/>
                  <p:nvPr/>
                </p:nvSpPr>
                <p:spPr>
                  <a:xfrm>
                    <a:off x="5109152" y="2639804"/>
                    <a:ext cx="2110301" cy="273567"/>
                  </a:xfrm>
                  <a:prstGeom prst="rect">
                    <a:avLst/>
                  </a:prstGeom>
                  <a:noFill/>
                </p:spPr>
                <p:txBody>
                  <a:bodyPr wrap="square">
                    <a:spAutoFit/>
                  </a:bodyPr>
                  <a:lstStyle/>
                  <a:p>
                    <a:pPr algn="ctr"/>
                    <a:r>
                      <a:rPr lang="da-DK" sz="1800" b="1" dirty="0">
                        <a:solidFill>
                          <a:schemeClr val="bg1"/>
                        </a:solidFill>
                      </a:rPr>
                      <a:t>Kvalitet og økonomi</a:t>
                    </a:r>
                  </a:p>
                </p:txBody>
              </p:sp>
              <p:sp>
                <p:nvSpPr>
                  <p:cNvPr id="24" name="Tekstfelt 23">
                    <a:extLst>
                      <a:ext uri="{FF2B5EF4-FFF2-40B4-BE49-F238E27FC236}">
                        <a16:creationId xmlns:a16="http://schemas.microsoft.com/office/drawing/2014/main" id="{97ECF958-78AE-08DC-EE5B-AC0BDEB7A783}"/>
                      </a:ext>
                    </a:extLst>
                  </p:cNvPr>
                  <p:cNvSpPr txBox="1"/>
                  <p:nvPr/>
                </p:nvSpPr>
                <p:spPr>
                  <a:xfrm>
                    <a:off x="7261429" y="2639804"/>
                    <a:ext cx="2088073" cy="276999"/>
                  </a:xfrm>
                  <a:prstGeom prst="rect">
                    <a:avLst/>
                  </a:prstGeom>
                  <a:noFill/>
                </p:spPr>
                <p:txBody>
                  <a:bodyPr wrap="square">
                    <a:spAutoFit/>
                  </a:bodyPr>
                  <a:lstStyle/>
                  <a:p>
                    <a:pPr algn="ctr"/>
                    <a:r>
                      <a:rPr lang="da-DK" sz="1800" b="1" dirty="0">
                        <a:solidFill>
                          <a:schemeClr val="bg1"/>
                        </a:solidFill>
                      </a:rPr>
                      <a:t>Miljø, klima og ressourcer</a:t>
                    </a:r>
                  </a:p>
                </p:txBody>
              </p:sp>
              <p:sp>
                <p:nvSpPr>
                  <p:cNvPr id="25" name="Tekstfelt 24">
                    <a:extLst>
                      <a:ext uri="{FF2B5EF4-FFF2-40B4-BE49-F238E27FC236}">
                        <a16:creationId xmlns:a16="http://schemas.microsoft.com/office/drawing/2014/main" id="{94F35757-DF00-CF0A-6827-E34785A7ED2B}"/>
                      </a:ext>
                    </a:extLst>
                  </p:cNvPr>
                  <p:cNvSpPr txBox="1"/>
                  <p:nvPr/>
                </p:nvSpPr>
                <p:spPr>
                  <a:xfrm>
                    <a:off x="9426013" y="2641168"/>
                    <a:ext cx="2128456" cy="276999"/>
                  </a:xfrm>
                  <a:prstGeom prst="rect">
                    <a:avLst/>
                  </a:prstGeom>
                  <a:noFill/>
                </p:spPr>
                <p:txBody>
                  <a:bodyPr wrap="square">
                    <a:spAutoFit/>
                  </a:bodyPr>
                  <a:lstStyle/>
                  <a:p>
                    <a:pPr algn="ctr"/>
                    <a:r>
                      <a:rPr lang="da-DK" sz="1800" b="1" dirty="0">
                        <a:solidFill>
                          <a:schemeClr val="bg1"/>
                        </a:solidFill>
                      </a:rPr>
                      <a:t>Grønne og sunde rammer</a:t>
                    </a:r>
                  </a:p>
                </p:txBody>
              </p:sp>
            </p:grpSp>
            <p:sp>
              <p:nvSpPr>
                <p:cNvPr id="21" name="Tekstfelt 20">
                  <a:extLst>
                    <a:ext uri="{FF2B5EF4-FFF2-40B4-BE49-F238E27FC236}">
                      <a16:creationId xmlns:a16="http://schemas.microsoft.com/office/drawing/2014/main" id="{CBB54429-B2DB-DDF7-9FE6-CEE48353F171}"/>
                    </a:ext>
                  </a:extLst>
                </p:cNvPr>
                <p:cNvSpPr txBox="1"/>
                <p:nvPr/>
              </p:nvSpPr>
              <p:spPr>
                <a:xfrm>
                  <a:off x="6393139" y="1870832"/>
                  <a:ext cx="3824652" cy="646323"/>
                </a:xfrm>
                <a:prstGeom prst="rect">
                  <a:avLst/>
                </a:prstGeom>
                <a:noFill/>
              </p:spPr>
              <p:txBody>
                <a:bodyPr wrap="square" lIns="0" tIns="0" rIns="0" bIns="0" rtlCol="0">
                  <a:noAutofit/>
                </a:bodyPr>
                <a:lstStyle/>
                <a:p>
                  <a:pPr algn="ctr"/>
                  <a:r>
                    <a:rPr lang="da-DK" sz="1800" dirty="0">
                      <a:solidFill>
                        <a:schemeClr val="bg1"/>
                      </a:solidFill>
                    </a:rPr>
                    <a:t>Vi forsøger hele tiden at skabe merværdi</a:t>
                  </a:r>
                </a:p>
                <a:p>
                  <a:pPr algn="ctr"/>
                  <a:r>
                    <a:rPr lang="da-DK" sz="1800" dirty="0">
                      <a:solidFill>
                        <a:schemeClr val="bg1"/>
                      </a:solidFill>
                    </a:rPr>
                    <a:t>ved at tænke på tværs og langsigtet når vi bygger, renoverer og drifter</a:t>
                  </a:r>
                </a:p>
              </p:txBody>
            </p:sp>
          </p:grpSp>
          <p:grpSp>
            <p:nvGrpSpPr>
              <p:cNvPr id="11" name="Gruppe 10">
                <a:extLst>
                  <a:ext uri="{FF2B5EF4-FFF2-40B4-BE49-F238E27FC236}">
                    <a16:creationId xmlns:a16="http://schemas.microsoft.com/office/drawing/2014/main" id="{50495B5B-B9BC-E221-225D-69F6F3D5184C}"/>
                  </a:ext>
                </a:extLst>
              </p:cNvPr>
              <p:cNvGrpSpPr/>
              <p:nvPr/>
            </p:nvGrpSpPr>
            <p:grpSpPr>
              <a:xfrm>
                <a:off x="4888957" y="1960559"/>
                <a:ext cx="6587779" cy="4060729"/>
                <a:chOff x="4888957" y="1960559"/>
                <a:chExt cx="6587779" cy="4060729"/>
              </a:xfrm>
            </p:grpSpPr>
            <p:sp>
              <p:nvSpPr>
                <p:cNvPr id="12" name="Tekstfelt 11">
                  <a:extLst>
                    <a:ext uri="{FF2B5EF4-FFF2-40B4-BE49-F238E27FC236}">
                      <a16:creationId xmlns:a16="http://schemas.microsoft.com/office/drawing/2014/main" id="{813AE09A-0DB0-00C3-AD79-A2AB3324E73C}"/>
                    </a:ext>
                  </a:extLst>
                </p:cNvPr>
                <p:cNvSpPr txBox="1"/>
                <p:nvPr/>
              </p:nvSpPr>
              <p:spPr>
                <a:xfrm>
                  <a:off x="7394277" y="3210203"/>
                  <a:ext cx="1867880" cy="1652799"/>
                </a:xfrm>
                <a:prstGeom prst="rect">
                  <a:avLst/>
                </a:prstGeom>
                <a:noFill/>
              </p:spPr>
              <p:txBody>
                <a:bodyPr wrap="square" lIns="0" tIns="0" rIns="0" bIns="0" rtlCol="0">
                  <a:noAutofit/>
                </a:bodyPr>
                <a:lstStyle/>
                <a:p>
                  <a:pPr marL="285750" indent="-285750" algn="ctr">
                    <a:buFont typeface="Arial" panose="020B0604020202020204" pitchFamily="34" charset="0"/>
                    <a:buChar char="•"/>
                  </a:pPr>
                  <a:r>
                    <a:rPr lang="da-DK" sz="1800" dirty="0">
                      <a:solidFill>
                        <a:schemeClr val="bg1"/>
                      </a:solidFill>
                    </a:rPr>
                    <a:t>Bæredygtigt indkøb</a:t>
                  </a:r>
                </a:p>
                <a:p>
                  <a:pPr algn="ctr"/>
                  <a:endParaRPr lang="da-DK" sz="1800" dirty="0">
                    <a:solidFill>
                      <a:schemeClr val="bg1"/>
                    </a:solidFill>
                  </a:endParaRPr>
                </a:p>
                <a:p>
                  <a:pPr marL="285750" indent="-285750" algn="ctr">
                    <a:buFont typeface="Arial" panose="020B0604020202020204" pitchFamily="34" charset="0"/>
                    <a:buChar char="•"/>
                  </a:pPr>
                  <a:r>
                    <a:rPr lang="da-DK" sz="1800" dirty="0">
                      <a:solidFill>
                        <a:schemeClr val="bg1"/>
                      </a:solidFill>
                    </a:rPr>
                    <a:t>Cirkulært ressourceforbrug</a:t>
                  </a:r>
                </a:p>
                <a:p>
                  <a:pPr algn="ctr"/>
                  <a:endParaRPr lang="da-DK" sz="1800" dirty="0">
                    <a:solidFill>
                      <a:schemeClr val="bg1"/>
                    </a:solidFill>
                  </a:endParaRPr>
                </a:p>
                <a:p>
                  <a:pPr marL="285750" indent="-285750" algn="ctr">
                    <a:buFont typeface="Arial" panose="020B0604020202020204" pitchFamily="34" charset="0"/>
                    <a:buChar char="•"/>
                  </a:pPr>
                  <a:r>
                    <a:rPr lang="da-DK" sz="1800" dirty="0">
                      <a:solidFill>
                        <a:schemeClr val="bg1"/>
                      </a:solidFill>
                    </a:rPr>
                    <a:t>Ressourcebevidst brugeradfærd</a:t>
                  </a:r>
                </a:p>
              </p:txBody>
            </p:sp>
            <p:sp>
              <p:nvSpPr>
                <p:cNvPr id="13" name="Tekstfelt 12">
                  <a:extLst>
                    <a:ext uri="{FF2B5EF4-FFF2-40B4-BE49-F238E27FC236}">
                      <a16:creationId xmlns:a16="http://schemas.microsoft.com/office/drawing/2014/main" id="{E1327BEE-9E47-051D-5D55-CCB6FC04F712}"/>
                    </a:ext>
                  </a:extLst>
                </p:cNvPr>
                <p:cNvSpPr txBox="1"/>
                <p:nvPr/>
              </p:nvSpPr>
              <p:spPr>
                <a:xfrm>
                  <a:off x="9546554" y="3137468"/>
                  <a:ext cx="1930182" cy="1872208"/>
                </a:xfrm>
                <a:prstGeom prst="rect">
                  <a:avLst/>
                </a:prstGeom>
                <a:noFill/>
              </p:spPr>
              <p:txBody>
                <a:bodyPr wrap="square" lIns="0" tIns="0" rIns="0" bIns="0" rtlCol="0">
                  <a:noAutofit/>
                </a:bodyPr>
                <a:lstStyle/>
                <a:p>
                  <a:pPr marL="285750" indent="-285750" algn="ctr">
                    <a:buFont typeface="Arial" panose="020B0604020202020204" pitchFamily="34" charset="0"/>
                    <a:buChar char="•"/>
                  </a:pPr>
                  <a:r>
                    <a:rPr lang="da-DK" sz="1800" dirty="0">
                      <a:solidFill>
                        <a:schemeClr val="bg1"/>
                      </a:solidFill>
                    </a:rPr>
                    <a:t>Kemi i materialer og produkter</a:t>
                  </a:r>
                </a:p>
                <a:p>
                  <a:pPr marL="285750" indent="-285750" algn="ctr">
                    <a:buFont typeface="Arial" panose="020B0604020202020204" pitchFamily="34" charset="0"/>
                    <a:buChar char="•"/>
                  </a:pPr>
                  <a:endParaRPr lang="da-DK" sz="1800" dirty="0">
                    <a:solidFill>
                      <a:schemeClr val="bg1"/>
                    </a:solidFill>
                  </a:endParaRPr>
                </a:p>
                <a:p>
                  <a:pPr marL="285750" indent="-285750" algn="ctr">
                    <a:buFont typeface="Arial" panose="020B0604020202020204" pitchFamily="34" charset="0"/>
                    <a:buChar char="•"/>
                  </a:pPr>
                  <a:r>
                    <a:rPr lang="da-DK" sz="1800" dirty="0">
                      <a:solidFill>
                        <a:schemeClr val="bg1"/>
                      </a:solidFill>
                    </a:rPr>
                    <a:t>Indeklima og arbejdsmiljø</a:t>
                  </a:r>
                </a:p>
                <a:p>
                  <a:pPr marL="285750" indent="-285750" algn="ctr">
                    <a:buFont typeface="Arial" panose="020B0604020202020204" pitchFamily="34" charset="0"/>
                    <a:buChar char="•"/>
                  </a:pPr>
                  <a:endParaRPr lang="da-DK" sz="1800" dirty="0">
                    <a:solidFill>
                      <a:schemeClr val="bg1"/>
                    </a:solidFill>
                  </a:endParaRPr>
                </a:p>
                <a:p>
                  <a:pPr marL="285750" indent="-285750" algn="ctr">
                    <a:buFont typeface="Arial" panose="020B0604020202020204" pitchFamily="34" charset="0"/>
                    <a:buChar char="•"/>
                  </a:pPr>
                  <a:r>
                    <a:rPr lang="da-DK" sz="1800" dirty="0">
                      <a:solidFill>
                        <a:schemeClr val="bg1"/>
                      </a:solidFill>
                    </a:rPr>
                    <a:t>Evidensbaseret design og helende arkitektur</a:t>
                  </a:r>
                </a:p>
              </p:txBody>
            </p:sp>
            <p:pic>
              <p:nvPicPr>
                <p:cNvPr id="14" name="Billede 13">
                  <a:extLst>
                    <a:ext uri="{FF2B5EF4-FFF2-40B4-BE49-F238E27FC236}">
                      <a16:creationId xmlns:a16="http://schemas.microsoft.com/office/drawing/2014/main" id="{D0EC376D-12F2-FF26-5F3E-A1373F9D019E}"/>
                    </a:ext>
                  </a:extLst>
                </p:cNvPr>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a:off x="8842853" y="5180795"/>
                  <a:ext cx="463909" cy="463909"/>
                </a:xfrm>
                <a:prstGeom prst="rect">
                  <a:avLst/>
                </a:prstGeom>
              </p:spPr>
            </p:pic>
            <p:pic>
              <p:nvPicPr>
                <p:cNvPr id="15" name="Billede 14" descr="Et billede, der indeholder bord&#10;&#10;Automatisk genereret beskrivelse">
                  <a:extLst>
                    <a:ext uri="{FF2B5EF4-FFF2-40B4-BE49-F238E27FC236}">
                      <a16:creationId xmlns:a16="http://schemas.microsoft.com/office/drawing/2014/main" id="{4D49BCF5-F02D-334C-76A4-81DF4A81255C}"/>
                    </a:ext>
                  </a:extLst>
                </p:cNvPr>
                <p:cNvPicPr>
                  <a:picLocks noChangeAspect="1"/>
                </p:cNvPicPr>
                <p:nvPr/>
              </p:nvPicPr>
              <p:blipFill>
                <a:blip r:embed="rId4" cstate="print">
                  <a:extLst>
                    <a:ext uri="{28A0092B-C50C-407E-A947-70E740481C1C}">
                      <a14:useLocalDpi xmlns:a14="http://schemas.microsoft.com/office/drawing/2010/main" val="0"/>
                    </a:ext>
                  </a:extLst>
                </a:blip>
                <a:stretch>
                  <a:fillRect/>
                </a:stretch>
              </p:blipFill>
              <p:spPr>
                <a:xfrm>
                  <a:off x="8106107" y="5180795"/>
                  <a:ext cx="463909" cy="463909"/>
                </a:xfrm>
                <a:prstGeom prst="rect">
                  <a:avLst/>
                </a:prstGeom>
              </p:spPr>
            </p:pic>
            <p:pic>
              <p:nvPicPr>
                <p:cNvPr id="16" name="Billede 15">
                  <a:extLst>
                    <a:ext uri="{FF2B5EF4-FFF2-40B4-BE49-F238E27FC236}">
                      <a16:creationId xmlns:a16="http://schemas.microsoft.com/office/drawing/2014/main" id="{A17A5D50-A7BD-FA71-779C-1A45C6950D61}"/>
                    </a:ext>
                  </a:extLst>
                </p:cNvPr>
                <p:cNvPicPr>
                  <a:picLocks noChangeAspect="1"/>
                </p:cNvPicPr>
                <p:nvPr/>
              </p:nvPicPr>
              <p:blipFill>
                <a:blip r:embed="rId5" cstate="print">
                  <a:extLst>
                    <a:ext uri="{28A0092B-C50C-407E-A947-70E740481C1C}">
                      <a14:useLocalDpi xmlns:a14="http://schemas.microsoft.com/office/drawing/2010/main" val="0"/>
                    </a:ext>
                  </a:extLst>
                </a:blip>
                <a:stretch>
                  <a:fillRect/>
                </a:stretch>
              </p:blipFill>
              <p:spPr>
                <a:xfrm>
                  <a:off x="7369361" y="5180795"/>
                  <a:ext cx="463909" cy="463909"/>
                </a:xfrm>
                <a:prstGeom prst="rect">
                  <a:avLst/>
                </a:prstGeom>
              </p:spPr>
            </p:pic>
            <p:sp>
              <p:nvSpPr>
                <p:cNvPr id="17" name="Tekstfelt 16">
                  <a:extLst>
                    <a:ext uri="{FF2B5EF4-FFF2-40B4-BE49-F238E27FC236}">
                      <a16:creationId xmlns:a16="http://schemas.microsoft.com/office/drawing/2014/main" id="{EDF60839-F23B-C9F9-BA84-295AD4D9705D}"/>
                    </a:ext>
                  </a:extLst>
                </p:cNvPr>
                <p:cNvSpPr txBox="1"/>
                <p:nvPr/>
              </p:nvSpPr>
              <p:spPr>
                <a:xfrm>
                  <a:off x="5087888" y="5711124"/>
                  <a:ext cx="1872208" cy="310164"/>
                </a:xfrm>
                <a:prstGeom prst="rect">
                  <a:avLst/>
                </a:prstGeom>
                <a:noFill/>
              </p:spPr>
              <p:txBody>
                <a:bodyPr wrap="square" lIns="0" tIns="0" rIns="0" bIns="0" rtlCol="0">
                  <a:noAutofit/>
                </a:bodyPr>
                <a:lstStyle/>
                <a:p>
                  <a:pPr defTabSz="914400">
                    <a:defRPr/>
                  </a:pPr>
                  <a:r>
                    <a:rPr lang="da-DK" sz="900" b="1" dirty="0">
                      <a:solidFill>
                        <a:schemeClr val="bg1"/>
                      </a:solidFill>
                      <a:latin typeface="Arial"/>
                    </a:rPr>
                    <a:t>Vores fundament</a:t>
                  </a:r>
                </a:p>
              </p:txBody>
            </p:sp>
            <p:sp>
              <p:nvSpPr>
                <p:cNvPr id="18" name="Tekstfelt 17">
                  <a:extLst>
                    <a:ext uri="{FF2B5EF4-FFF2-40B4-BE49-F238E27FC236}">
                      <a16:creationId xmlns:a16="http://schemas.microsoft.com/office/drawing/2014/main" id="{ED1BE9AC-4E1C-2355-0FC8-B6E187A13992}"/>
                    </a:ext>
                  </a:extLst>
                </p:cNvPr>
                <p:cNvSpPr txBox="1"/>
                <p:nvPr/>
              </p:nvSpPr>
              <p:spPr>
                <a:xfrm rot="16200000">
                  <a:off x="4449310" y="3674195"/>
                  <a:ext cx="1189458" cy="310164"/>
                </a:xfrm>
                <a:prstGeom prst="rect">
                  <a:avLst/>
                </a:prstGeom>
                <a:noFill/>
              </p:spPr>
              <p:txBody>
                <a:bodyPr wrap="square" lIns="0" tIns="0" rIns="0" bIns="0" rtlCol="0">
                  <a:noAutofit/>
                </a:bodyPr>
                <a:lstStyle/>
                <a:p>
                  <a:pPr defTabSz="914400">
                    <a:defRPr/>
                  </a:pPr>
                  <a:r>
                    <a:rPr lang="da-DK" sz="900" b="1" dirty="0">
                      <a:solidFill>
                        <a:schemeClr val="bg1"/>
                      </a:solidFill>
                      <a:latin typeface="Arial"/>
                    </a:rPr>
                    <a:t>Vores indsatsområder</a:t>
                  </a:r>
                </a:p>
              </p:txBody>
            </p:sp>
            <p:sp>
              <p:nvSpPr>
                <p:cNvPr id="19" name="Tekstfelt 18">
                  <a:extLst>
                    <a:ext uri="{FF2B5EF4-FFF2-40B4-BE49-F238E27FC236}">
                      <a16:creationId xmlns:a16="http://schemas.microsoft.com/office/drawing/2014/main" id="{0964B569-04F4-71C0-0FBB-0A4845543D85}"/>
                    </a:ext>
                  </a:extLst>
                </p:cNvPr>
                <p:cNvSpPr txBox="1"/>
                <p:nvPr/>
              </p:nvSpPr>
              <p:spPr>
                <a:xfrm rot="20234154">
                  <a:off x="5639553" y="1960559"/>
                  <a:ext cx="768877" cy="310164"/>
                </a:xfrm>
                <a:prstGeom prst="rect">
                  <a:avLst/>
                </a:prstGeom>
                <a:noFill/>
              </p:spPr>
              <p:txBody>
                <a:bodyPr wrap="square" lIns="0" tIns="0" rIns="0" bIns="0" rtlCol="0">
                  <a:noAutofit/>
                </a:bodyPr>
                <a:lstStyle/>
                <a:p>
                  <a:pPr defTabSz="914400">
                    <a:defRPr/>
                  </a:pPr>
                  <a:r>
                    <a:rPr lang="da-DK" sz="900" b="1" dirty="0">
                      <a:solidFill>
                        <a:schemeClr val="bg1"/>
                      </a:solidFill>
                      <a:latin typeface="Arial"/>
                    </a:rPr>
                    <a:t>Vores løfte</a:t>
                  </a:r>
                </a:p>
              </p:txBody>
            </p:sp>
          </p:grpSp>
        </p:grpSp>
        <p:sp>
          <p:nvSpPr>
            <p:cNvPr id="9" name="Tekstfelt 8">
              <a:extLst>
                <a:ext uri="{FF2B5EF4-FFF2-40B4-BE49-F238E27FC236}">
                  <a16:creationId xmlns:a16="http://schemas.microsoft.com/office/drawing/2014/main" id="{B41A8146-51D2-C94D-24E5-FA302AC9A7FF}"/>
                </a:ext>
              </a:extLst>
            </p:cNvPr>
            <p:cNvSpPr txBox="1"/>
            <p:nvPr/>
          </p:nvSpPr>
          <p:spPr>
            <a:xfrm>
              <a:off x="4882483" y="3305957"/>
              <a:ext cx="1970686" cy="1591335"/>
            </a:xfrm>
            <a:prstGeom prst="rect">
              <a:avLst/>
            </a:prstGeom>
            <a:noFill/>
          </p:spPr>
          <p:txBody>
            <a:bodyPr wrap="square" lIns="0" tIns="0" rIns="0" bIns="0" rtlCol="0">
              <a:noAutofit/>
            </a:bodyPr>
            <a:lstStyle/>
            <a:p>
              <a:pPr marL="171450" indent="-171450" algn="ctr">
                <a:buFont typeface="Arial" panose="020B0604020202020204" pitchFamily="34" charset="0"/>
                <a:buChar char="•"/>
              </a:pPr>
              <a:r>
                <a:rPr lang="da-DK" sz="1800" dirty="0">
                  <a:solidFill>
                    <a:schemeClr val="bg1"/>
                  </a:solidFill>
                </a:rPr>
                <a:t>Totaløkonomisk model og vurderinger</a:t>
              </a:r>
            </a:p>
            <a:p>
              <a:pPr marL="171450" indent="-171450" algn="ctr">
                <a:buFont typeface="Arial" panose="020B0604020202020204" pitchFamily="34" charset="0"/>
                <a:buChar char="•"/>
              </a:pPr>
              <a:endParaRPr lang="da-DK" sz="1800" dirty="0">
                <a:solidFill>
                  <a:schemeClr val="bg1"/>
                </a:solidFill>
              </a:endParaRPr>
            </a:p>
            <a:p>
              <a:pPr marL="171450" indent="-171450" algn="ctr">
                <a:buFont typeface="Arial" panose="020B0604020202020204" pitchFamily="34" charset="0"/>
                <a:buChar char="•"/>
              </a:pPr>
              <a:r>
                <a:rPr lang="da-DK" sz="1800" dirty="0">
                  <a:solidFill>
                    <a:schemeClr val="bg1"/>
                  </a:solidFill>
                </a:rPr>
                <a:t>DGNB certificeringer</a:t>
              </a:r>
            </a:p>
            <a:p>
              <a:pPr marL="171450" indent="-171450" algn="ctr">
                <a:buFont typeface="Arial" panose="020B0604020202020204" pitchFamily="34" charset="0"/>
                <a:buChar char="•"/>
              </a:pPr>
              <a:endParaRPr lang="da-DK" sz="1800" dirty="0">
                <a:solidFill>
                  <a:schemeClr val="bg1"/>
                </a:solidFill>
              </a:endParaRPr>
            </a:p>
            <a:p>
              <a:pPr marL="171450" indent="-171450" algn="ctr">
                <a:buFont typeface="Arial" panose="020B0604020202020204" pitchFamily="34" charset="0"/>
                <a:buChar char="•"/>
              </a:pPr>
              <a:r>
                <a:rPr lang="da-DK" sz="1800" dirty="0">
                  <a:solidFill>
                    <a:schemeClr val="bg1"/>
                  </a:solidFill>
                </a:rPr>
                <a:t>Erfarings opsamlinger</a:t>
              </a:r>
            </a:p>
          </p:txBody>
        </p:sp>
      </p:grpSp>
      <p:pic>
        <p:nvPicPr>
          <p:cNvPr id="2" name="Billede 1">
            <a:extLst>
              <a:ext uri="{FF2B5EF4-FFF2-40B4-BE49-F238E27FC236}">
                <a16:creationId xmlns:a16="http://schemas.microsoft.com/office/drawing/2014/main" id="{7145CF53-1D4B-7899-E99C-96B7F37414EA}"/>
              </a:ext>
            </a:extLst>
          </p:cNvPr>
          <p:cNvPicPr>
            <a:picLocks noChangeAspect="1"/>
          </p:cNvPicPr>
          <p:nvPr/>
        </p:nvPicPr>
        <p:blipFill>
          <a:blip r:embed="rId6">
            <a:clrChange>
              <a:clrFrom>
                <a:srgbClr val="FFFFFF"/>
              </a:clrFrom>
              <a:clrTo>
                <a:srgbClr val="FFFFFF">
                  <a:alpha val="0"/>
                </a:srgbClr>
              </a:clrTo>
            </a:clrChange>
          </a:blip>
          <a:stretch>
            <a:fillRect/>
          </a:stretch>
        </p:blipFill>
        <p:spPr>
          <a:xfrm>
            <a:off x="619594" y="239843"/>
            <a:ext cx="750778" cy="674557"/>
          </a:xfrm>
          <a:prstGeom prst="rect">
            <a:avLst/>
          </a:prstGeom>
        </p:spPr>
      </p:pic>
    </p:spTree>
    <p:extLst>
      <p:ext uri="{BB962C8B-B14F-4D97-AF65-F5344CB8AC3E}">
        <p14:creationId xmlns:p14="http://schemas.microsoft.com/office/powerpoint/2010/main" val="967025177"/>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5" name="Pladsholder til billede 8" descr="Et billede, der indeholder plante, Hylder/reoler, hylde, design&#10;&#10;Automatisk genereret beskrivelse">
            <a:extLst>
              <a:ext uri="{FF2B5EF4-FFF2-40B4-BE49-F238E27FC236}">
                <a16:creationId xmlns:a16="http://schemas.microsoft.com/office/drawing/2014/main" id="{5AA00DC3-3651-E2D0-8B91-311EECE40509}"/>
              </a:ext>
            </a:extLst>
          </p:cNvPr>
          <p:cNvPicPr>
            <a:picLocks noChangeAspect="1"/>
          </p:cNvPicPr>
          <p:nvPr/>
        </p:nvPicPr>
        <p:blipFill rotWithShape="1">
          <a:blip r:embed="rId2"/>
          <a:srcRect t="24553" r="1" b="5737"/>
          <a:stretch/>
        </p:blipFill>
        <p:spPr>
          <a:xfrm>
            <a:off x="11077508" y="-2389"/>
            <a:ext cx="5991292" cy="9601190"/>
          </a:xfrm>
          <a:prstGeom prst="rect">
            <a:avLst/>
          </a:prstGeom>
          <a:noFill/>
        </p:spPr>
      </p:pic>
      <p:sp>
        <p:nvSpPr>
          <p:cNvPr id="14" name="Text Placeholder 2">
            <a:extLst>
              <a:ext uri="{FF2B5EF4-FFF2-40B4-BE49-F238E27FC236}">
                <a16:creationId xmlns:a16="http://schemas.microsoft.com/office/drawing/2014/main" id="{B853BE9C-2C00-EF89-7E7A-C89A64549986}"/>
              </a:ext>
            </a:extLst>
          </p:cNvPr>
          <p:cNvSpPr>
            <a:spLocks noGrp="1"/>
          </p:cNvSpPr>
          <p:nvPr>
            <p:ph type="body" sz="quarter" idx="15"/>
          </p:nvPr>
        </p:nvSpPr>
        <p:spPr>
          <a:xfrm>
            <a:off x="1344565" y="3732474"/>
            <a:ext cx="6974976" cy="2136252"/>
          </a:xfrm>
        </p:spPr>
        <p:txBody>
          <a:bodyPr>
            <a:normAutofit fontScale="92500"/>
          </a:bodyPr>
          <a:lstStyle/>
          <a:p>
            <a:r>
              <a:rPr lang="da-DK" dirty="0"/>
              <a:t>Mary Elizabeths Hospital</a:t>
            </a:r>
          </a:p>
          <a:p>
            <a:endParaRPr lang="da-DK" dirty="0"/>
          </a:p>
          <a:p>
            <a:r>
              <a:rPr lang="da-DK" dirty="0"/>
              <a:t>Legende logisk og bæredygtigt</a:t>
            </a:r>
          </a:p>
          <a:p>
            <a:endParaRPr lang="da-DK" dirty="0"/>
          </a:p>
        </p:txBody>
      </p:sp>
      <p:sp>
        <p:nvSpPr>
          <p:cNvPr id="4" name="Pladsholder til slidenummer 3" hidden="1">
            <a:extLst>
              <a:ext uri="{FF2B5EF4-FFF2-40B4-BE49-F238E27FC236}">
                <a16:creationId xmlns:a16="http://schemas.microsoft.com/office/drawing/2014/main" id="{BD22EFB6-78E1-8612-21BC-EE2933CAC8B8}"/>
              </a:ext>
            </a:extLst>
          </p:cNvPr>
          <p:cNvSpPr>
            <a:spLocks noGrp="1"/>
          </p:cNvSpPr>
          <p:nvPr>
            <p:ph type="sldNum" sz="quarter" idx="4294967295"/>
          </p:nvPr>
        </p:nvSpPr>
        <p:spPr>
          <a:xfrm>
            <a:off x="13462611" y="8980814"/>
            <a:ext cx="721755" cy="499617"/>
          </a:xfrm>
          <a:prstGeom prst="rect">
            <a:avLst/>
          </a:prstGeom>
        </p:spPr>
        <p:txBody>
          <a:bodyPr/>
          <a:lstStyle/>
          <a:p>
            <a:pPr>
              <a:spcAft>
                <a:spcPts val="600"/>
              </a:spcAft>
            </a:pPr>
            <a:fld id="{667EC89C-17A0-4E64-A6D2-B825673CEEDF}" type="slidenum">
              <a:rPr lang="da-DK" smtClean="0"/>
              <a:pPr>
                <a:spcAft>
                  <a:spcPts val="600"/>
                </a:spcAft>
              </a:pPr>
              <a:t>5</a:t>
            </a:fld>
            <a:endParaRPr lang="da-DK"/>
          </a:p>
        </p:txBody>
      </p:sp>
      <p:pic>
        <p:nvPicPr>
          <p:cNvPr id="2" name="Billede 1">
            <a:extLst>
              <a:ext uri="{FF2B5EF4-FFF2-40B4-BE49-F238E27FC236}">
                <a16:creationId xmlns:a16="http://schemas.microsoft.com/office/drawing/2014/main" id="{FAE084A6-3028-9466-DFD2-B20359402796}"/>
              </a:ext>
            </a:extLst>
          </p:cNvPr>
          <p:cNvPicPr>
            <a:picLocks noChangeAspect="1"/>
          </p:cNvPicPr>
          <p:nvPr/>
        </p:nvPicPr>
        <p:blipFill>
          <a:blip r:embed="rId3">
            <a:clrChange>
              <a:clrFrom>
                <a:srgbClr val="FFFFFF"/>
              </a:clrFrom>
              <a:clrTo>
                <a:srgbClr val="FFFFFF">
                  <a:alpha val="0"/>
                </a:srgbClr>
              </a:clrTo>
            </a:clrChange>
          </a:blip>
          <a:stretch>
            <a:fillRect/>
          </a:stretch>
        </p:blipFill>
        <p:spPr>
          <a:xfrm>
            <a:off x="619594" y="239843"/>
            <a:ext cx="750778" cy="674557"/>
          </a:xfrm>
          <a:prstGeom prst="rect">
            <a:avLst/>
          </a:prstGeom>
        </p:spPr>
      </p:pic>
    </p:spTree>
    <p:extLst>
      <p:ext uri="{BB962C8B-B14F-4D97-AF65-F5344CB8AC3E}">
        <p14:creationId xmlns:p14="http://schemas.microsoft.com/office/powerpoint/2010/main" val="2615826461"/>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5" name="Billede 4">
            <a:extLst>
              <a:ext uri="{FF2B5EF4-FFF2-40B4-BE49-F238E27FC236}">
                <a16:creationId xmlns:a16="http://schemas.microsoft.com/office/drawing/2014/main" id="{F86F9EF6-C87C-C5EC-323B-9229A28D969A}"/>
              </a:ext>
            </a:extLst>
          </p:cNvPr>
          <p:cNvPicPr>
            <a:picLocks noChangeAspect="1"/>
          </p:cNvPicPr>
          <p:nvPr/>
        </p:nvPicPr>
        <p:blipFill>
          <a:blip r:embed="rId2"/>
          <a:stretch>
            <a:fillRect/>
          </a:stretch>
        </p:blipFill>
        <p:spPr>
          <a:xfrm>
            <a:off x="0" y="2079271"/>
            <a:ext cx="17068800" cy="7521834"/>
          </a:xfrm>
          <a:prstGeom prst="rect">
            <a:avLst/>
          </a:prstGeom>
          <a:noFill/>
        </p:spPr>
      </p:pic>
      <p:sp>
        <p:nvSpPr>
          <p:cNvPr id="10" name="Text Placeholder 2">
            <a:extLst>
              <a:ext uri="{FF2B5EF4-FFF2-40B4-BE49-F238E27FC236}">
                <a16:creationId xmlns:a16="http://schemas.microsoft.com/office/drawing/2014/main" id="{3B77EF48-DB06-AF90-6167-3F62547DD082}"/>
              </a:ext>
            </a:extLst>
          </p:cNvPr>
          <p:cNvSpPr>
            <a:spLocks noGrp="1"/>
          </p:cNvSpPr>
          <p:nvPr>
            <p:ph type="body" sz="quarter" idx="17"/>
          </p:nvPr>
        </p:nvSpPr>
        <p:spPr>
          <a:xfrm>
            <a:off x="1250120" y="927474"/>
            <a:ext cx="9536192" cy="1036237"/>
          </a:xfrm>
        </p:spPr>
        <p:txBody>
          <a:bodyPr/>
          <a:lstStyle/>
          <a:p>
            <a:r>
              <a:rPr lang="da-DK" dirty="0"/>
              <a:t>Projektsmilepæle</a:t>
            </a:r>
          </a:p>
        </p:txBody>
      </p:sp>
      <p:sp>
        <p:nvSpPr>
          <p:cNvPr id="4" name="Pladsholder til slidenummer 3">
            <a:extLst>
              <a:ext uri="{FF2B5EF4-FFF2-40B4-BE49-F238E27FC236}">
                <a16:creationId xmlns:a16="http://schemas.microsoft.com/office/drawing/2014/main" id="{735F5062-0DC4-1539-9D0A-042C06526796}"/>
              </a:ext>
            </a:extLst>
          </p:cNvPr>
          <p:cNvSpPr>
            <a:spLocks noGrp="1"/>
          </p:cNvSpPr>
          <p:nvPr>
            <p:ph type="sldNum" sz="quarter" idx="12"/>
          </p:nvPr>
        </p:nvSpPr>
        <p:spPr>
          <a:xfrm>
            <a:off x="13462611" y="8980814"/>
            <a:ext cx="721755" cy="499617"/>
          </a:xfrm>
        </p:spPr>
        <p:txBody>
          <a:bodyPr>
            <a:normAutofit/>
          </a:bodyPr>
          <a:lstStyle/>
          <a:p>
            <a:pPr>
              <a:spcAft>
                <a:spcPts val="600"/>
              </a:spcAft>
            </a:pPr>
            <a:fld id="{667EC89C-17A0-4E64-A6D2-B825673CEEDF}" type="slidenum">
              <a:rPr lang="da-DK" smtClean="0"/>
              <a:pPr>
                <a:spcAft>
                  <a:spcPts val="600"/>
                </a:spcAft>
              </a:pPr>
              <a:t>6</a:t>
            </a:fld>
            <a:endParaRPr lang="da-DK"/>
          </a:p>
        </p:txBody>
      </p:sp>
    </p:spTree>
    <p:extLst>
      <p:ext uri="{BB962C8B-B14F-4D97-AF65-F5344CB8AC3E}">
        <p14:creationId xmlns:p14="http://schemas.microsoft.com/office/powerpoint/2010/main" val="3961024831"/>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5" name="Pladsholder til billede 8" descr="Et billede, der indeholder plante, Hylder/reoler, hylde, design&#10;&#10;Automatisk genereret beskrivelse">
            <a:extLst>
              <a:ext uri="{FF2B5EF4-FFF2-40B4-BE49-F238E27FC236}">
                <a16:creationId xmlns:a16="http://schemas.microsoft.com/office/drawing/2014/main" id="{5AA00DC3-3651-E2D0-8B91-311EECE40509}"/>
              </a:ext>
            </a:extLst>
          </p:cNvPr>
          <p:cNvPicPr>
            <a:picLocks noChangeAspect="1"/>
          </p:cNvPicPr>
          <p:nvPr/>
        </p:nvPicPr>
        <p:blipFill rotWithShape="1">
          <a:blip r:embed="rId2"/>
          <a:srcRect t="24553" r="1" b="5737"/>
          <a:stretch/>
        </p:blipFill>
        <p:spPr>
          <a:xfrm>
            <a:off x="11077508" y="10"/>
            <a:ext cx="5991292" cy="9601190"/>
          </a:xfrm>
          <a:prstGeom prst="rect">
            <a:avLst/>
          </a:prstGeom>
          <a:noFill/>
        </p:spPr>
      </p:pic>
      <p:sp>
        <p:nvSpPr>
          <p:cNvPr id="14" name="Text Placeholder 2">
            <a:extLst>
              <a:ext uri="{FF2B5EF4-FFF2-40B4-BE49-F238E27FC236}">
                <a16:creationId xmlns:a16="http://schemas.microsoft.com/office/drawing/2014/main" id="{B853BE9C-2C00-EF89-7E7A-C89A64549986}"/>
              </a:ext>
            </a:extLst>
          </p:cNvPr>
          <p:cNvSpPr>
            <a:spLocks noGrp="1"/>
          </p:cNvSpPr>
          <p:nvPr>
            <p:ph type="body" sz="quarter" idx="15"/>
          </p:nvPr>
        </p:nvSpPr>
        <p:spPr>
          <a:xfrm>
            <a:off x="1477086" y="3990891"/>
            <a:ext cx="5490732" cy="809709"/>
          </a:xfrm>
        </p:spPr>
        <p:txBody>
          <a:bodyPr>
            <a:normAutofit/>
          </a:bodyPr>
          <a:lstStyle/>
          <a:p>
            <a:r>
              <a:rPr lang="da-DK" dirty="0"/>
              <a:t>Hvordan det startede?</a:t>
            </a:r>
          </a:p>
        </p:txBody>
      </p:sp>
      <p:sp>
        <p:nvSpPr>
          <p:cNvPr id="4" name="Pladsholder til slidenummer 3" hidden="1">
            <a:extLst>
              <a:ext uri="{FF2B5EF4-FFF2-40B4-BE49-F238E27FC236}">
                <a16:creationId xmlns:a16="http://schemas.microsoft.com/office/drawing/2014/main" id="{BD22EFB6-78E1-8612-21BC-EE2933CAC8B8}"/>
              </a:ext>
            </a:extLst>
          </p:cNvPr>
          <p:cNvSpPr>
            <a:spLocks noGrp="1"/>
          </p:cNvSpPr>
          <p:nvPr>
            <p:ph type="sldNum" sz="quarter" idx="4294967295"/>
          </p:nvPr>
        </p:nvSpPr>
        <p:spPr>
          <a:xfrm>
            <a:off x="13462611" y="8980814"/>
            <a:ext cx="721755" cy="499617"/>
          </a:xfrm>
          <a:prstGeom prst="rect">
            <a:avLst/>
          </a:prstGeom>
        </p:spPr>
        <p:txBody>
          <a:bodyPr/>
          <a:lstStyle/>
          <a:p>
            <a:pPr>
              <a:spcAft>
                <a:spcPts val="600"/>
              </a:spcAft>
            </a:pPr>
            <a:fld id="{667EC89C-17A0-4E64-A6D2-B825673CEEDF}" type="slidenum">
              <a:rPr lang="da-DK" smtClean="0"/>
              <a:pPr>
                <a:spcAft>
                  <a:spcPts val="600"/>
                </a:spcAft>
              </a:pPr>
              <a:t>7</a:t>
            </a:fld>
            <a:endParaRPr lang="da-DK"/>
          </a:p>
        </p:txBody>
      </p:sp>
      <p:pic>
        <p:nvPicPr>
          <p:cNvPr id="2" name="Billede 1">
            <a:extLst>
              <a:ext uri="{FF2B5EF4-FFF2-40B4-BE49-F238E27FC236}">
                <a16:creationId xmlns:a16="http://schemas.microsoft.com/office/drawing/2014/main" id="{C21F67FC-8E46-2212-15CD-F8336CA00A3B}"/>
              </a:ext>
            </a:extLst>
          </p:cNvPr>
          <p:cNvPicPr>
            <a:picLocks noChangeAspect="1"/>
          </p:cNvPicPr>
          <p:nvPr/>
        </p:nvPicPr>
        <p:blipFill>
          <a:blip r:embed="rId3">
            <a:clrChange>
              <a:clrFrom>
                <a:srgbClr val="FFFFFF"/>
              </a:clrFrom>
              <a:clrTo>
                <a:srgbClr val="FFFFFF">
                  <a:alpha val="0"/>
                </a:srgbClr>
              </a:clrTo>
            </a:clrChange>
          </a:blip>
          <a:stretch>
            <a:fillRect/>
          </a:stretch>
        </p:blipFill>
        <p:spPr>
          <a:xfrm>
            <a:off x="619594" y="239843"/>
            <a:ext cx="750778" cy="674557"/>
          </a:xfrm>
          <a:prstGeom prst="rect">
            <a:avLst/>
          </a:prstGeom>
        </p:spPr>
      </p:pic>
    </p:spTree>
    <p:extLst>
      <p:ext uri="{BB962C8B-B14F-4D97-AF65-F5344CB8AC3E}">
        <p14:creationId xmlns:p14="http://schemas.microsoft.com/office/powerpoint/2010/main" val="1479403119"/>
      </p:ext>
    </p:extLst>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2" name="Gruppe 1">
            <a:extLst>
              <a:ext uri="{FF2B5EF4-FFF2-40B4-BE49-F238E27FC236}">
                <a16:creationId xmlns:a16="http://schemas.microsoft.com/office/drawing/2014/main" id="{AB39C6EB-6668-3F62-9C5C-667100F6F99C}"/>
              </a:ext>
            </a:extLst>
          </p:cNvPr>
          <p:cNvGrpSpPr/>
          <p:nvPr/>
        </p:nvGrpSpPr>
        <p:grpSpPr>
          <a:xfrm>
            <a:off x="1945" y="-1726260"/>
            <a:ext cx="17155446" cy="12871032"/>
            <a:chOff x="1389" y="-1233043"/>
            <a:chExt cx="12253890" cy="9193594"/>
          </a:xfrm>
        </p:grpSpPr>
        <p:pic>
          <p:nvPicPr>
            <p:cNvPr id="417" name="Picture 2" descr="Picture 2"/>
            <p:cNvPicPr>
              <a:picLocks noChangeAspect="1"/>
            </p:cNvPicPr>
            <p:nvPr/>
          </p:nvPicPr>
          <p:blipFill>
            <a:blip r:embed="rId2"/>
            <a:srcRect l="10171" r="2144"/>
            <a:stretch>
              <a:fillRect/>
            </a:stretch>
          </p:blipFill>
          <p:spPr>
            <a:xfrm>
              <a:off x="1389" y="-1233043"/>
              <a:ext cx="12253890" cy="9193594"/>
            </a:xfrm>
            <a:prstGeom prst="rect">
              <a:avLst/>
            </a:prstGeom>
            <a:ln w="12700">
              <a:miter lim="400000"/>
            </a:ln>
          </p:spPr>
        </p:pic>
        <p:sp>
          <p:nvSpPr>
            <p:cNvPr id="418" name="Gruppe 31"/>
            <p:cNvSpPr/>
            <p:nvPr/>
          </p:nvSpPr>
          <p:spPr>
            <a:xfrm>
              <a:off x="6490323" y="4435074"/>
              <a:ext cx="3693787" cy="2019949"/>
            </a:xfrm>
            <a:custGeom>
              <a:avLst/>
              <a:gdLst/>
              <a:ahLst/>
              <a:cxnLst>
                <a:cxn ang="0">
                  <a:pos x="wd2" y="hd2"/>
                </a:cxn>
                <a:cxn ang="5400000">
                  <a:pos x="wd2" y="hd2"/>
                </a:cxn>
                <a:cxn ang="10800000">
                  <a:pos x="wd2" y="hd2"/>
                </a:cxn>
                <a:cxn ang="16200000">
                  <a:pos x="wd2" y="hd2"/>
                </a:cxn>
              </a:cxnLst>
              <a:rect l="0" t="0" r="r" b="b"/>
              <a:pathLst>
                <a:path w="21600" h="21600" extrusionOk="0">
                  <a:moveTo>
                    <a:pt x="172" y="160"/>
                  </a:moveTo>
                  <a:lnTo>
                    <a:pt x="20309" y="0"/>
                  </a:lnTo>
                  <a:lnTo>
                    <a:pt x="21600" y="11680"/>
                  </a:lnTo>
                  <a:lnTo>
                    <a:pt x="13425" y="21600"/>
                  </a:lnTo>
                  <a:lnTo>
                    <a:pt x="3873" y="21440"/>
                  </a:lnTo>
                  <a:lnTo>
                    <a:pt x="3873" y="11680"/>
                  </a:lnTo>
                  <a:lnTo>
                    <a:pt x="0" y="11680"/>
                  </a:lnTo>
                  <a:lnTo>
                    <a:pt x="172" y="160"/>
                  </a:lnTo>
                  <a:close/>
                </a:path>
              </a:pathLst>
            </a:custGeom>
            <a:solidFill>
              <a:srgbClr val="31EBFF">
                <a:alpha val="50000"/>
              </a:srgbClr>
            </a:solidFill>
            <a:ln w="12700">
              <a:miter lim="400000"/>
            </a:ln>
          </p:spPr>
          <p:txBody>
            <a:bodyPr lIns="42049" tIns="42049" rIns="42049" bIns="42049" anchor="ctr"/>
            <a:lstStyle/>
            <a:p>
              <a:pPr algn="ctr" defTabSz="1032223">
                <a:defRPr sz="1600">
                  <a:solidFill>
                    <a:srgbClr val="FFFFFF"/>
                  </a:solidFill>
                  <a:latin typeface="Arial"/>
                  <a:ea typeface="Arial"/>
                  <a:cs typeface="Arial"/>
                  <a:sym typeface="Arial"/>
                </a:defRPr>
              </a:pPr>
              <a:endParaRPr sz="2240"/>
            </a:p>
          </p:txBody>
        </p:sp>
      </p:grpSp>
    </p:spTree>
  </p:cSld>
  <p:clrMapOvr>
    <a:masterClrMapping/>
  </p:clrMapOvr>
  <p:transition spd="med"/>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indhold 1">
            <a:extLst>
              <a:ext uri="{FF2B5EF4-FFF2-40B4-BE49-F238E27FC236}">
                <a16:creationId xmlns:a16="http://schemas.microsoft.com/office/drawing/2014/main" id="{2FDAB2FE-1308-EF7F-4B88-5A9F4FDCD175}"/>
              </a:ext>
            </a:extLst>
          </p:cNvPr>
          <p:cNvSpPr>
            <a:spLocks noGrp="1"/>
          </p:cNvSpPr>
          <p:nvPr>
            <p:ph sz="quarter" idx="13"/>
          </p:nvPr>
        </p:nvSpPr>
        <p:spPr>
          <a:xfrm>
            <a:off x="1444704" y="2308192"/>
            <a:ext cx="9536480" cy="4838400"/>
          </a:xfrm>
        </p:spPr>
        <p:txBody>
          <a:bodyPr>
            <a:normAutofit/>
          </a:bodyPr>
          <a:lstStyle/>
          <a:p>
            <a:pPr>
              <a:buSzPct val="90000"/>
            </a:pPr>
            <a:r>
              <a:rPr lang="da-DK" sz="2200" dirty="0"/>
              <a:t>Selektiv nedrivning af Rockefeller Kompleks (14.000 m</a:t>
            </a:r>
            <a:r>
              <a:rPr lang="da-DK" sz="2200" baseline="30000" dirty="0"/>
              <a:t>2</a:t>
            </a:r>
            <a:r>
              <a:rPr lang="da-DK" sz="2200" dirty="0"/>
              <a:t>)</a:t>
            </a:r>
          </a:p>
          <a:p>
            <a:pPr>
              <a:spcAft>
                <a:spcPts val="300"/>
              </a:spcAft>
              <a:buSzPct val="90000"/>
            </a:pPr>
            <a:r>
              <a:rPr lang="da-DK" sz="2200" dirty="0"/>
              <a:t>Ca. 19 tusind tons eller knapt 20% af nedrivningsmaterialerne </a:t>
            </a:r>
            <a:br>
              <a:rPr lang="da-DK" sz="2200" dirty="0"/>
            </a:br>
            <a:r>
              <a:rPr lang="da-DK" sz="2200" dirty="0"/>
              <a:t>var sendt til genbrug/genanvendelse bl.a.: </a:t>
            </a:r>
          </a:p>
          <a:p>
            <a:pPr>
              <a:lnSpc>
                <a:spcPct val="100000"/>
              </a:lnSpc>
              <a:spcAft>
                <a:spcPts val="300"/>
              </a:spcAft>
              <a:buClr>
                <a:schemeClr val="tx1">
                  <a:lumMod val="75000"/>
                </a:schemeClr>
              </a:buClr>
              <a:buSzPct val="70000"/>
              <a:buFont typeface="Courier New" panose="02070309020205020404" pitchFamily="49" charset="0"/>
              <a:buChar char="o"/>
            </a:pPr>
            <a:r>
              <a:rPr lang="da-DK" sz="2200" dirty="0"/>
              <a:t>tagsten</a:t>
            </a:r>
          </a:p>
          <a:p>
            <a:pPr>
              <a:lnSpc>
                <a:spcPct val="100000"/>
              </a:lnSpc>
              <a:spcAft>
                <a:spcPts val="300"/>
              </a:spcAft>
              <a:buClr>
                <a:schemeClr val="tx1">
                  <a:lumMod val="75000"/>
                </a:schemeClr>
              </a:buClr>
              <a:buSzPct val="70000"/>
              <a:buFont typeface="Courier New" panose="02070309020205020404" pitchFamily="49" charset="0"/>
              <a:buChar char="o"/>
            </a:pPr>
            <a:r>
              <a:rPr lang="da-DK" sz="2200" dirty="0"/>
              <a:t>rene brædder, gulve, lægter</a:t>
            </a:r>
          </a:p>
          <a:p>
            <a:pPr>
              <a:lnSpc>
                <a:spcPct val="100000"/>
              </a:lnSpc>
              <a:spcAft>
                <a:spcPts val="300"/>
              </a:spcAft>
              <a:buClr>
                <a:schemeClr val="tx1">
                  <a:lumMod val="75000"/>
                </a:schemeClr>
              </a:buClr>
              <a:buSzPct val="70000"/>
              <a:buFont typeface="Courier New" panose="02070309020205020404" pitchFamily="49" charset="0"/>
              <a:buChar char="o"/>
            </a:pPr>
            <a:r>
              <a:rPr lang="da-DK" sz="2200" dirty="0"/>
              <a:t>rent konstruktionstræ </a:t>
            </a:r>
          </a:p>
          <a:p>
            <a:pPr>
              <a:lnSpc>
                <a:spcPct val="100000"/>
              </a:lnSpc>
              <a:spcAft>
                <a:spcPts val="300"/>
              </a:spcAft>
              <a:buClr>
                <a:schemeClr val="tx1">
                  <a:lumMod val="75000"/>
                </a:schemeClr>
              </a:buClr>
              <a:buSzPct val="70000"/>
              <a:buFont typeface="Courier New" panose="02070309020205020404" pitchFamily="49" charset="0"/>
              <a:buChar char="o"/>
            </a:pPr>
            <a:r>
              <a:rPr lang="da-DK" sz="2200" dirty="0"/>
              <a:t>granit fra udendørs trapper </a:t>
            </a:r>
          </a:p>
          <a:p>
            <a:pPr>
              <a:lnSpc>
                <a:spcPct val="100000"/>
              </a:lnSpc>
              <a:spcAft>
                <a:spcPts val="300"/>
              </a:spcAft>
              <a:buClr>
                <a:schemeClr val="tx1">
                  <a:lumMod val="75000"/>
                </a:schemeClr>
              </a:buClr>
              <a:buSzPct val="70000"/>
              <a:buFont typeface="Courier New" panose="02070309020205020404" pitchFamily="49" charset="0"/>
              <a:buChar char="o"/>
            </a:pPr>
            <a:r>
              <a:rPr lang="da-DK" sz="2200" dirty="0"/>
              <a:t>rent gips </a:t>
            </a:r>
          </a:p>
          <a:p>
            <a:pPr>
              <a:lnSpc>
                <a:spcPct val="100000"/>
              </a:lnSpc>
              <a:spcAft>
                <a:spcPts val="300"/>
              </a:spcAft>
              <a:buClr>
                <a:schemeClr val="tx1">
                  <a:lumMod val="75000"/>
                </a:schemeClr>
              </a:buClr>
              <a:buSzPct val="70000"/>
              <a:buFont typeface="Courier New" panose="02070309020205020404" pitchFamily="49" charset="0"/>
              <a:buChar char="o"/>
            </a:pPr>
            <a:r>
              <a:rPr lang="da-DK" sz="2200" dirty="0"/>
              <a:t>mursten </a:t>
            </a:r>
          </a:p>
        </p:txBody>
      </p:sp>
      <p:sp>
        <p:nvSpPr>
          <p:cNvPr id="3" name="Pladsholder til tekst 2">
            <a:extLst>
              <a:ext uri="{FF2B5EF4-FFF2-40B4-BE49-F238E27FC236}">
                <a16:creationId xmlns:a16="http://schemas.microsoft.com/office/drawing/2014/main" id="{E40F327A-0AB2-8675-270A-5E7B16F3D3E1}"/>
              </a:ext>
            </a:extLst>
          </p:cNvPr>
          <p:cNvSpPr>
            <a:spLocks noGrp="1"/>
          </p:cNvSpPr>
          <p:nvPr>
            <p:ph type="body" sz="quarter" idx="17"/>
          </p:nvPr>
        </p:nvSpPr>
        <p:spPr>
          <a:xfrm>
            <a:off x="1316006" y="925124"/>
            <a:ext cx="9536192" cy="942843"/>
          </a:xfrm>
        </p:spPr>
        <p:txBody>
          <a:bodyPr/>
          <a:lstStyle/>
          <a:p>
            <a:r>
              <a:rPr lang="da-DK" dirty="0"/>
              <a:t>Selektiv nedrivning</a:t>
            </a:r>
          </a:p>
        </p:txBody>
      </p:sp>
      <p:sp>
        <p:nvSpPr>
          <p:cNvPr id="4" name="Pladsholder til slidenummer 3">
            <a:extLst>
              <a:ext uri="{FF2B5EF4-FFF2-40B4-BE49-F238E27FC236}">
                <a16:creationId xmlns:a16="http://schemas.microsoft.com/office/drawing/2014/main" id="{DD1ED6CA-F2AB-7A62-CC1B-B2A9639DA893}"/>
              </a:ext>
            </a:extLst>
          </p:cNvPr>
          <p:cNvSpPr>
            <a:spLocks noGrp="1"/>
          </p:cNvSpPr>
          <p:nvPr>
            <p:ph type="sldNum" sz="quarter" idx="12"/>
          </p:nvPr>
        </p:nvSpPr>
        <p:spPr/>
        <p:txBody>
          <a:bodyPr/>
          <a:lstStyle/>
          <a:p>
            <a:fld id="{667EC89C-17A0-4E64-A6D2-B825673CEEDF}" type="slidenum">
              <a:rPr lang="da-DK" smtClean="0"/>
              <a:pPr/>
              <a:t>9</a:t>
            </a:fld>
            <a:endParaRPr lang="da-DK" dirty="0"/>
          </a:p>
        </p:txBody>
      </p:sp>
      <p:pic>
        <p:nvPicPr>
          <p:cNvPr id="5" name="Billede 4">
            <a:extLst>
              <a:ext uri="{FF2B5EF4-FFF2-40B4-BE49-F238E27FC236}">
                <a16:creationId xmlns:a16="http://schemas.microsoft.com/office/drawing/2014/main" id="{5ED4A3C1-1C0C-E57D-9ABB-031F3A4C53C7}"/>
              </a:ext>
            </a:extLst>
          </p:cNvPr>
          <p:cNvPicPr>
            <a:picLocks noChangeAspect="1"/>
          </p:cNvPicPr>
          <p:nvPr/>
        </p:nvPicPr>
        <p:blipFill>
          <a:blip r:embed="rId3"/>
          <a:stretch>
            <a:fillRect/>
          </a:stretch>
        </p:blipFill>
        <p:spPr>
          <a:xfrm>
            <a:off x="8988996" y="2114805"/>
            <a:ext cx="7538429" cy="5371589"/>
          </a:xfrm>
          <a:prstGeom prst="rect">
            <a:avLst/>
          </a:prstGeom>
        </p:spPr>
      </p:pic>
      <p:pic>
        <p:nvPicPr>
          <p:cNvPr id="6" name="Billede 5">
            <a:extLst>
              <a:ext uri="{FF2B5EF4-FFF2-40B4-BE49-F238E27FC236}">
                <a16:creationId xmlns:a16="http://schemas.microsoft.com/office/drawing/2014/main" id="{F978F076-27AB-8F70-5128-17B45A634BB4}"/>
              </a:ext>
            </a:extLst>
          </p:cNvPr>
          <p:cNvPicPr>
            <a:picLocks noChangeAspect="1"/>
          </p:cNvPicPr>
          <p:nvPr/>
        </p:nvPicPr>
        <p:blipFill>
          <a:blip r:embed="rId4"/>
          <a:stretch>
            <a:fillRect/>
          </a:stretch>
        </p:blipFill>
        <p:spPr>
          <a:xfrm>
            <a:off x="1528136" y="6635692"/>
            <a:ext cx="2509473" cy="2058552"/>
          </a:xfrm>
          <a:prstGeom prst="rect">
            <a:avLst/>
          </a:prstGeom>
        </p:spPr>
      </p:pic>
      <p:pic>
        <p:nvPicPr>
          <p:cNvPr id="7" name="Billede 6">
            <a:extLst>
              <a:ext uri="{FF2B5EF4-FFF2-40B4-BE49-F238E27FC236}">
                <a16:creationId xmlns:a16="http://schemas.microsoft.com/office/drawing/2014/main" id="{CBBE52D8-468F-AC3D-B100-9516585F352B}"/>
              </a:ext>
            </a:extLst>
          </p:cNvPr>
          <p:cNvPicPr>
            <a:picLocks noChangeAspect="1"/>
          </p:cNvPicPr>
          <p:nvPr/>
        </p:nvPicPr>
        <p:blipFill>
          <a:blip r:embed="rId5"/>
          <a:stretch>
            <a:fillRect/>
          </a:stretch>
        </p:blipFill>
        <p:spPr>
          <a:xfrm>
            <a:off x="3610316" y="7033280"/>
            <a:ext cx="1999738" cy="1774277"/>
          </a:xfrm>
          <a:prstGeom prst="rect">
            <a:avLst/>
          </a:prstGeom>
        </p:spPr>
      </p:pic>
      <p:pic>
        <p:nvPicPr>
          <p:cNvPr id="8" name="Billede 7">
            <a:extLst>
              <a:ext uri="{FF2B5EF4-FFF2-40B4-BE49-F238E27FC236}">
                <a16:creationId xmlns:a16="http://schemas.microsoft.com/office/drawing/2014/main" id="{30BC0032-FF01-3CD5-95BC-7B512E5670A1}"/>
              </a:ext>
            </a:extLst>
          </p:cNvPr>
          <p:cNvPicPr>
            <a:picLocks noChangeAspect="1"/>
          </p:cNvPicPr>
          <p:nvPr/>
        </p:nvPicPr>
        <p:blipFill>
          <a:blip r:embed="rId6"/>
          <a:stretch>
            <a:fillRect/>
          </a:stretch>
        </p:blipFill>
        <p:spPr>
          <a:xfrm>
            <a:off x="5214888" y="5468554"/>
            <a:ext cx="2509473" cy="1931119"/>
          </a:xfrm>
          <a:prstGeom prst="rect">
            <a:avLst/>
          </a:prstGeom>
        </p:spPr>
      </p:pic>
      <p:pic>
        <p:nvPicPr>
          <p:cNvPr id="9" name="Billede 8">
            <a:extLst>
              <a:ext uri="{FF2B5EF4-FFF2-40B4-BE49-F238E27FC236}">
                <a16:creationId xmlns:a16="http://schemas.microsoft.com/office/drawing/2014/main" id="{F246EB9A-8D83-C7DE-FA00-DDDC08128029}"/>
              </a:ext>
            </a:extLst>
          </p:cNvPr>
          <p:cNvPicPr>
            <a:picLocks noChangeAspect="1"/>
          </p:cNvPicPr>
          <p:nvPr/>
        </p:nvPicPr>
        <p:blipFill>
          <a:blip r:embed="rId7"/>
          <a:stretch>
            <a:fillRect/>
          </a:stretch>
        </p:blipFill>
        <p:spPr>
          <a:xfrm>
            <a:off x="7041237" y="7126405"/>
            <a:ext cx="2156580" cy="1588027"/>
          </a:xfrm>
          <a:prstGeom prst="rect">
            <a:avLst/>
          </a:prstGeom>
        </p:spPr>
      </p:pic>
      <p:pic>
        <p:nvPicPr>
          <p:cNvPr id="10" name="Billede 9">
            <a:extLst>
              <a:ext uri="{FF2B5EF4-FFF2-40B4-BE49-F238E27FC236}">
                <a16:creationId xmlns:a16="http://schemas.microsoft.com/office/drawing/2014/main" id="{11689F12-1364-87E7-253B-9DA56B1E3E66}"/>
              </a:ext>
            </a:extLst>
          </p:cNvPr>
          <p:cNvPicPr>
            <a:picLocks noChangeAspect="1"/>
          </p:cNvPicPr>
          <p:nvPr/>
        </p:nvPicPr>
        <p:blipFill>
          <a:blip r:embed="rId8"/>
          <a:stretch>
            <a:fillRect/>
          </a:stretch>
        </p:blipFill>
        <p:spPr>
          <a:xfrm>
            <a:off x="9036388" y="7817332"/>
            <a:ext cx="2106225" cy="1588028"/>
          </a:xfrm>
          <a:prstGeom prst="rect">
            <a:avLst/>
          </a:prstGeom>
        </p:spPr>
      </p:pic>
      <p:sp>
        <p:nvSpPr>
          <p:cNvPr id="11" name="Tekstfelt 10">
            <a:extLst>
              <a:ext uri="{FF2B5EF4-FFF2-40B4-BE49-F238E27FC236}">
                <a16:creationId xmlns:a16="http://schemas.microsoft.com/office/drawing/2014/main" id="{AE82CB36-848E-5506-4D8E-5A22CCAAB91D}"/>
              </a:ext>
            </a:extLst>
          </p:cNvPr>
          <p:cNvSpPr txBox="1"/>
          <p:nvPr/>
        </p:nvSpPr>
        <p:spPr>
          <a:xfrm>
            <a:off x="1536999" y="9122397"/>
            <a:ext cx="5292483" cy="301418"/>
          </a:xfrm>
          <a:prstGeom prst="rect">
            <a:avLst/>
          </a:prstGeom>
          <a:noFill/>
        </p:spPr>
        <p:txBody>
          <a:bodyPr wrap="square" lIns="0" tIns="0" rIns="0" bIns="0" rtlCol="0">
            <a:noAutofit/>
          </a:bodyPr>
          <a:lstStyle/>
          <a:p>
            <a:r>
              <a:rPr lang="da-DK" sz="1400" dirty="0">
                <a:solidFill>
                  <a:schemeClr val="bg1"/>
                </a:solidFill>
              </a:rPr>
              <a:t>*Nedrivning af Rockefellerkomplekset 2018-2021 – Niras Rapport</a:t>
            </a:r>
          </a:p>
        </p:txBody>
      </p:sp>
      <p:pic>
        <p:nvPicPr>
          <p:cNvPr id="12" name="Billede 11">
            <a:extLst>
              <a:ext uri="{FF2B5EF4-FFF2-40B4-BE49-F238E27FC236}">
                <a16:creationId xmlns:a16="http://schemas.microsoft.com/office/drawing/2014/main" id="{79BA9931-F3CB-A480-3DB5-E81970E6E910}"/>
              </a:ext>
            </a:extLst>
          </p:cNvPr>
          <p:cNvPicPr>
            <a:picLocks noChangeAspect="1"/>
          </p:cNvPicPr>
          <p:nvPr/>
        </p:nvPicPr>
        <p:blipFill>
          <a:blip r:embed="rId9">
            <a:clrChange>
              <a:clrFrom>
                <a:srgbClr val="FFFFFF"/>
              </a:clrFrom>
              <a:clrTo>
                <a:srgbClr val="FFFFFF">
                  <a:alpha val="0"/>
                </a:srgbClr>
              </a:clrTo>
            </a:clrChange>
          </a:blip>
          <a:stretch>
            <a:fillRect/>
          </a:stretch>
        </p:blipFill>
        <p:spPr>
          <a:xfrm>
            <a:off x="619594" y="239843"/>
            <a:ext cx="750778" cy="674557"/>
          </a:xfrm>
          <a:prstGeom prst="rect">
            <a:avLst/>
          </a:prstGeom>
        </p:spPr>
      </p:pic>
    </p:spTree>
    <p:extLst>
      <p:ext uri="{BB962C8B-B14F-4D97-AF65-F5344CB8AC3E}">
        <p14:creationId xmlns:p14="http://schemas.microsoft.com/office/powerpoint/2010/main" val="3810537286"/>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TEMPLAFYSLIDEID" val="638052368613108257"/>
</p:tagLst>
</file>

<file path=ppt/theme/theme1.xml><?xml version="1.0" encoding="utf-8"?>
<a:theme xmlns:a="http://schemas.openxmlformats.org/drawingml/2006/main" name="Office-tema">
  <a:themeElements>
    <a:clrScheme name="MARYS skabelon: Natur">
      <a:dk1>
        <a:srgbClr val="286E3C"/>
      </a:dk1>
      <a:lt1>
        <a:srgbClr val="286E3C"/>
      </a:lt1>
      <a:dk2>
        <a:srgbClr val="DFF3FC"/>
      </a:dk2>
      <a:lt2>
        <a:srgbClr val="FFFFFF"/>
      </a:lt2>
      <a:accent1>
        <a:srgbClr val="14371D"/>
      </a:accent1>
      <a:accent2>
        <a:srgbClr val="50B25D"/>
      </a:accent2>
      <a:accent3>
        <a:srgbClr val="5E926D"/>
      </a:accent3>
      <a:accent4>
        <a:srgbClr val="96E18C"/>
      </a:accent4>
      <a:accent5>
        <a:srgbClr val="FFBED7"/>
      </a:accent5>
      <a:accent6>
        <a:srgbClr val="70AD47"/>
      </a:accent6>
      <a:hlink>
        <a:srgbClr val="4B1E32"/>
      </a:hlink>
      <a:folHlink>
        <a:srgbClr val="BBB1E3"/>
      </a:folHlink>
    </a:clrScheme>
    <a:fontScheme name="MARYS skabelon">
      <a:majorFont>
        <a:latin typeface="Mari Office"/>
        <a:ea typeface=""/>
        <a:cs typeface=""/>
      </a:majorFont>
      <a:minorFont>
        <a:latin typeface="Mari Office Book"/>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Præsentation1" id="{4372EE42-D0AE-4120-9066-C4076A673AB9}" vid="{38D0CDC5-E4F4-437C-AB2C-27B7BB722875}"/>
    </a:ext>
  </a:extLst>
</a:theme>
</file>

<file path=ppt/theme/theme2.xml><?xml version="1.0" encoding="utf-8"?>
<a:theme xmlns:a="http://schemas.openxmlformats.org/drawingml/2006/main" name="Office-tema">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3.xml><?xml version="1.0" encoding="utf-8"?>
<a:theme xmlns:a="http://schemas.openxmlformats.org/drawingml/2006/main" name="Office-tema">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docProps/app.xml><?xml version="1.0" encoding="utf-8"?>
<Properties xmlns="http://schemas.openxmlformats.org/officeDocument/2006/extended-properties" xmlns:vt="http://schemas.openxmlformats.org/officeDocument/2006/docPropsVTypes">
  <Template>PPT-skabelon-natur-marys_tilrettet_05</Template>
  <TotalTime>4622</TotalTime>
  <Words>711</Words>
  <Application>Microsoft Office PowerPoint</Application>
  <PresentationFormat>Brugerdefineret</PresentationFormat>
  <Paragraphs>118</Paragraphs>
  <Slides>28</Slides>
  <Notes>5</Notes>
  <HiddenSlides>0</HiddenSlides>
  <MMClips>0</MMClips>
  <ScaleCrop>false</ScaleCrop>
  <HeadingPairs>
    <vt:vector size="6" baseType="variant">
      <vt:variant>
        <vt:lpstr>Benyttede skrifttyper</vt:lpstr>
      </vt:variant>
      <vt:variant>
        <vt:i4>13</vt:i4>
      </vt:variant>
      <vt:variant>
        <vt:lpstr>Tema</vt:lpstr>
      </vt:variant>
      <vt:variant>
        <vt:i4>1</vt:i4>
      </vt:variant>
      <vt:variant>
        <vt:lpstr>Slidetitler</vt:lpstr>
      </vt:variant>
      <vt:variant>
        <vt:i4>28</vt:i4>
      </vt:variant>
    </vt:vector>
  </HeadingPairs>
  <TitlesOfParts>
    <vt:vector size="42" baseType="lpstr">
      <vt:lpstr>Akzidenz Grotesk BE</vt:lpstr>
      <vt:lpstr>-apple-system</vt:lpstr>
      <vt:lpstr>Arial</vt:lpstr>
      <vt:lpstr>Calibri</vt:lpstr>
      <vt:lpstr>Courier New</vt:lpstr>
      <vt:lpstr>Mari</vt:lpstr>
      <vt:lpstr>Mari Book</vt:lpstr>
      <vt:lpstr>Mari Light</vt:lpstr>
      <vt:lpstr>Mari Office</vt:lpstr>
      <vt:lpstr>Mari Office Book</vt:lpstr>
      <vt:lpstr>Mari-Bold</vt:lpstr>
      <vt:lpstr>Roboto</vt:lpstr>
      <vt:lpstr>Verdana</vt:lpstr>
      <vt:lpstr>Office-tema</vt:lpstr>
      <vt:lpstr>PowerPoint-præsentation</vt:lpstr>
      <vt:lpstr>PowerPoint-præsentation</vt:lpstr>
      <vt:lpstr>PowerPoint-præsentation</vt:lpstr>
      <vt:lpstr>PowerPoint-præsentation</vt:lpstr>
      <vt:lpstr>PowerPoint-præsentation</vt:lpstr>
      <vt:lpstr>PowerPoint-præsentation</vt:lpstr>
      <vt:lpstr>PowerPoint-præsentation</vt:lpstr>
      <vt:lpstr>PowerPoint-præsentation</vt:lpstr>
      <vt:lpstr>PowerPoint-præsentation</vt:lpstr>
      <vt:lpstr>PowerPoint-præsentation</vt:lpstr>
      <vt:lpstr>PowerPoint-præsentation</vt:lpstr>
      <vt:lpstr>PowerPoint-præsentation</vt:lpstr>
      <vt:lpstr>PowerPoint-præsentation</vt:lpstr>
      <vt:lpstr>PowerPoint-præsentation</vt:lpstr>
      <vt:lpstr>PowerPoint-præsentation</vt:lpstr>
      <vt:lpstr>PowerPoint-præsentation</vt:lpstr>
      <vt:lpstr>PowerPoint-præsentation</vt:lpstr>
      <vt:lpstr>PowerPoint-præsentation</vt:lpstr>
      <vt:lpstr>Fælles Rytme</vt:lpstr>
      <vt:lpstr>PowerPoint-præsentation</vt:lpstr>
      <vt:lpstr>PowerPoint-præsentation</vt:lpstr>
      <vt:lpstr>PowerPoint-præsentation</vt:lpstr>
      <vt:lpstr>PowerPoint-præsentation</vt:lpstr>
      <vt:lpstr>PowerPoint-præsentation</vt:lpstr>
      <vt:lpstr>PowerPoint-præsentation</vt:lpstr>
      <vt:lpstr>PowerPoint-præsentation</vt:lpstr>
      <vt:lpstr>PowerPoint-præsentation</vt:lpstr>
      <vt:lpstr>Region Hovedstaden - Organisationsdiagram</vt:lpstr>
    </vt:vector>
  </TitlesOfParts>
  <Company/>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PowerPoint-præsentation</dc:title>
  <dc:creator>Josefine Maria Sidney Strufve Christensen</dc:creator>
  <cp:lastModifiedBy>Marija Stamenkovic</cp:lastModifiedBy>
  <cp:revision>71</cp:revision>
  <cp:lastPrinted>2023-08-08T11:36:47Z</cp:lastPrinted>
  <dcterms:created xsi:type="dcterms:W3CDTF">2022-11-28T11:53:40Z</dcterms:created>
  <dcterms:modified xsi:type="dcterms:W3CDTF">2023-11-02T15:20:44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CustomerId">
    <vt:lpwstr>regionh</vt:lpwstr>
  </property>
  <property fmtid="{D5CDD505-2E9C-101B-9397-08002B2CF9AE}" pid="3" name="TemplateId">
    <vt:lpwstr>638052368604857387</vt:lpwstr>
  </property>
  <property fmtid="{D5CDD505-2E9C-101B-9397-08002B2CF9AE}" pid="4" name="UserProfileId">
    <vt:lpwstr>636451150888157312</vt:lpwstr>
  </property>
</Properties>
</file>